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ivpf201v.takamatsu.local\Profile\s8875\Desktop\HP\02特記仕様書、別表、平面図等\"/>
    </mc:Choice>
  </mc:AlternateContent>
  <xr:revisionPtr revIDLastSave="0" documentId="13_ncr:1_{45E96CDB-C2CC-4C6E-95A8-83DA0B8214B0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１業務計画書" sheetId="1" r:id="rId1"/>
    <sheet name="２業務実施体制表" sheetId="2" r:id="rId2"/>
    <sheet name="３年間作業計画表" sheetId="4" r:id="rId3"/>
    <sheet name="４業務管理" sheetId="5" r:id="rId4"/>
    <sheet name="５安全管理" sheetId="6" r:id="rId5"/>
  </sheets>
  <definedNames>
    <definedName name="_xlnm.Print_Area" localSheetId="0">'１業務計画書'!$A$1:$C$13</definedName>
    <definedName name="_xlnm.Print_Area" localSheetId="2">'３年間作業計画表'!$A$1:$AR$59</definedName>
    <definedName name="_xlnm.Print_Area" localSheetId="3">'４業務管理'!$A$1:$BM$71</definedName>
    <definedName name="_xlnm.Print_Titles" localSheetId="2">'３年間作業計画表'!$6:$7</definedName>
    <definedName name="_xlnm.Print_Titles" localSheetId="3">'４業務管理'!$6:$7</definedName>
  </definedNames>
  <calcPr calcId="114210"/>
</workbook>
</file>

<file path=xl/sharedStrings.xml><?xml version="1.0" encoding="utf-8"?>
<sst xmlns="http://schemas.openxmlformats.org/spreadsheetml/2006/main" count="231" uniqueCount="117">
  <si>
    <t>業務計画書</t>
    <rPh sb="0" eb="2">
      <t>ギョウム</t>
    </rPh>
    <rPh sb="2" eb="5">
      <t>ケイカクショ</t>
    </rPh>
    <phoneticPr fontId="1"/>
  </si>
  <si>
    <t>（株）○○</t>
    <rPh sb="0" eb="3">
      <t>カブ</t>
    </rPh>
    <phoneticPr fontId="1"/>
  </si>
  <si>
    <t>業務責任者</t>
    <rPh sb="0" eb="2">
      <t>ギョウム</t>
    </rPh>
    <rPh sb="2" eb="5">
      <t>セキニンシャ</t>
    </rPh>
    <phoneticPr fontId="1"/>
  </si>
  <si>
    <t>○○　○○</t>
    <phoneticPr fontId="1"/>
  </si>
  <si>
    <t>日常清掃業務</t>
    <rPh sb="0" eb="2">
      <t>ニチジョウ</t>
    </rPh>
    <rPh sb="2" eb="4">
      <t>セイソウ</t>
    </rPh>
    <rPh sb="4" eb="6">
      <t>ギョウム</t>
    </rPh>
    <phoneticPr fontId="1"/>
  </si>
  <si>
    <t>業務担当者</t>
    <rPh sb="0" eb="2">
      <t>ギョウム</t>
    </rPh>
    <rPh sb="2" eb="5">
      <t>タントウシャ</t>
    </rPh>
    <phoneticPr fontId="1"/>
  </si>
  <si>
    <t>定期清掃業務</t>
    <rPh sb="0" eb="2">
      <t>テイキ</t>
    </rPh>
    <rPh sb="2" eb="4">
      <t>セイソウ</t>
    </rPh>
    <rPh sb="4" eb="6">
      <t>ギョウム</t>
    </rPh>
    <phoneticPr fontId="1"/>
  </si>
  <si>
    <t>窓ガラス清掃業務</t>
    <rPh sb="0" eb="1">
      <t>マド</t>
    </rPh>
    <rPh sb="4" eb="6">
      <t>セイソウ</t>
    </rPh>
    <rPh sb="6" eb="8">
      <t>ギョウム</t>
    </rPh>
    <phoneticPr fontId="1"/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１月</t>
  </si>
  <si>
    <t>２月</t>
  </si>
  <si>
    <t>３月</t>
  </si>
  <si>
    <t>作　　業　　内　　容</t>
    <rPh sb="0" eb="4">
      <t>サギョウ</t>
    </rPh>
    <rPh sb="6" eb="10">
      <t>ナイヨウ</t>
    </rPh>
    <phoneticPr fontId="3"/>
  </si>
  <si>
    <t>周期</t>
    <rPh sb="0" eb="2">
      <t>シュウキ</t>
    </rPh>
    <phoneticPr fontId="3"/>
  </si>
  <si>
    <t>４月</t>
    <rPh sb="1" eb="2">
      <t>ガツ</t>
    </rPh>
    <phoneticPr fontId="3"/>
  </si>
  <si>
    <t>上</t>
    <rPh sb="0" eb="1">
      <t>ジョウ</t>
    </rPh>
    <phoneticPr fontId="3"/>
  </si>
  <si>
    <t>中</t>
    <rPh sb="0" eb="1">
      <t>チュウ</t>
    </rPh>
    <phoneticPr fontId="3"/>
  </si>
  <si>
    <t>下</t>
    <rPh sb="0" eb="1">
      <t>ゲ</t>
    </rPh>
    <phoneticPr fontId="3"/>
  </si>
  <si>
    <t>○○棟　共用部分</t>
    <rPh sb="2" eb="3">
      <t>トウ</t>
    </rPh>
    <rPh sb="4" eb="6">
      <t>キョウヨウ</t>
    </rPh>
    <rPh sb="6" eb="8">
      <t>ブブン</t>
    </rPh>
    <phoneticPr fontId="3"/>
  </si>
  <si>
    <t>玄関ホール</t>
    <rPh sb="0" eb="2">
      <t>ゲンカン</t>
    </rPh>
    <phoneticPr fontId="3"/>
  </si>
  <si>
    <t>定期清掃</t>
    <rPh sb="0" eb="2">
      <t>テイキ</t>
    </rPh>
    <rPh sb="2" eb="4">
      <t>セイソウ</t>
    </rPh>
    <phoneticPr fontId="3"/>
  </si>
  <si>
    <t>床</t>
    <rPh sb="0" eb="1">
      <t>ユカ</t>
    </rPh>
    <phoneticPr fontId="3"/>
  </si>
  <si>
    <t>表面洗浄</t>
    <rPh sb="0" eb="2">
      <t>ヒョウメン</t>
    </rPh>
    <rPh sb="2" eb="4">
      <t>センジョウ</t>
    </rPh>
    <phoneticPr fontId="3"/>
  </si>
  <si>
    <t>記載例</t>
    <rPh sb="0" eb="2">
      <t>キサイ</t>
    </rPh>
    <rPh sb="2" eb="3">
      <t>レイ</t>
    </rPh>
    <phoneticPr fontId="3"/>
  </si>
  <si>
    <t>洗浄</t>
    <rPh sb="0" eb="2">
      <t>センジョウ</t>
    </rPh>
    <phoneticPr fontId="3"/>
  </si>
  <si>
    <t>○○棟　専用部分</t>
    <rPh sb="2" eb="3">
      <t>トウ</t>
    </rPh>
    <rPh sb="4" eb="6">
      <t>センヨウ</t>
    </rPh>
    <rPh sb="6" eb="8">
      <t>ブブン</t>
    </rPh>
    <phoneticPr fontId="3"/>
  </si>
  <si>
    <t>床以外の日常清掃</t>
  </si>
  <si>
    <t>面積　㎡</t>
    <rPh sb="0" eb="2">
      <t>メンセキ</t>
    </rPh>
    <phoneticPr fontId="3"/>
  </si>
  <si>
    <t>曜日</t>
    <rPh sb="0" eb="2">
      <t>ヨウビ</t>
    </rPh>
    <phoneticPr fontId="3"/>
  </si>
  <si>
    <t>日常清掃</t>
    <phoneticPr fontId="3"/>
  </si>
  <si>
    <t>月～金</t>
    <rPh sb="0" eb="1">
      <t>ゲツ</t>
    </rPh>
    <rPh sb="2" eb="3">
      <t>キン</t>
    </rPh>
    <phoneticPr fontId="3"/>
  </si>
  <si>
    <t>ﾌﾛｱﾏｯﾄ除塵・扉ｶﾞﾗｽ部分拭き・金属部分、什器備品除塵・ごみ収集</t>
    <rPh sb="6" eb="8">
      <t>ジョジン</t>
    </rPh>
    <rPh sb="9" eb="10">
      <t>トビラ</t>
    </rPh>
    <rPh sb="14" eb="17">
      <t>ブブンフ</t>
    </rPh>
    <rPh sb="19" eb="21">
      <t>キンゾク</t>
    </rPh>
    <rPh sb="21" eb="23">
      <t>ブブン</t>
    </rPh>
    <rPh sb="24" eb="26">
      <t>ジュウキ</t>
    </rPh>
    <rPh sb="26" eb="28">
      <t>ビヒン</t>
    </rPh>
    <rPh sb="28" eb="30">
      <t>ジョジン</t>
    </rPh>
    <rPh sb="33" eb="35">
      <t>シュウシュウ</t>
    </rPh>
    <phoneticPr fontId="3"/>
  </si>
  <si>
    <t>日常清掃</t>
    <rPh sb="0" eb="4">
      <t>ニチジョウセイソウ</t>
    </rPh>
    <phoneticPr fontId="3"/>
  </si>
  <si>
    <t>全館</t>
    <rPh sb="0" eb="2">
      <t>ゼンカン</t>
    </rPh>
    <phoneticPr fontId="3"/>
  </si>
  <si>
    <t>中継所から集積場までの運搬</t>
    <rPh sb="0" eb="3">
      <t>チュウケイジョ</t>
    </rPh>
    <rPh sb="5" eb="8">
      <t>シュウセキジョウ</t>
    </rPh>
    <rPh sb="11" eb="13">
      <t>ウンパン</t>
    </rPh>
    <phoneticPr fontId="3"/>
  </si>
  <si>
    <t>分別</t>
    <rPh sb="0" eb="2">
      <t>ブンベツ</t>
    </rPh>
    <phoneticPr fontId="3"/>
  </si>
  <si>
    <t>記載条件</t>
    <rPh sb="0" eb="2">
      <t>キサイ</t>
    </rPh>
    <rPh sb="2" eb="4">
      <t>ジョウケン</t>
    </rPh>
    <phoneticPr fontId="3"/>
  </si>
  <si>
    <t>ごみ運搬処理</t>
    <rPh sb="2" eb="4">
      <t>ウンパン</t>
    </rPh>
    <rPh sb="4" eb="6">
      <t>ショリ</t>
    </rPh>
    <phoneticPr fontId="3"/>
  </si>
  <si>
    <t>○○　○○</t>
    <phoneticPr fontId="1"/>
  </si>
  <si>
    <t>安全管理責任者</t>
    <rPh sb="0" eb="2">
      <t>アンゼン</t>
    </rPh>
    <rPh sb="2" eb="4">
      <t>カンリ</t>
    </rPh>
    <rPh sb="4" eb="6">
      <t>セキニン</t>
    </rPh>
    <rPh sb="6" eb="7">
      <t>シャ</t>
    </rPh>
    <phoneticPr fontId="1"/>
  </si>
  <si>
    <t>安全管理者</t>
    <rPh sb="0" eb="2">
      <t>アンゼン</t>
    </rPh>
    <rPh sb="2" eb="4">
      <t>カンリ</t>
    </rPh>
    <rPh sb="4" eb="5">
      <t>シャ</t>
    </rPh>
    <phoneticPr fontId="1"/>
  </si>
  <si>
    <t>・</t>
    <phoneticPr fontId="1"/>
  </si>
  <si>
    <t>・</t>
    <phoneticPr fontId="1"/>
  </si>
  <si>
    <t>清掃業務中に問題点が発生した場合は、速やかに施設管理担当者と協議</t>
    <rPh sb="0" eb="2">
      <t>セイソウ</t>
    </rPh>
    <rPh sb="2" eb="4">
      <t>ギョウム</t>
    </rPh>
    <rPh sb="4" eb="5">
      <t>チュウ</t>
    </rPh>
    <rPh sb="6" eb="8">
      <t>モンダイ</t>
    </rPh>
    <rPh sb="8" eb="9">
      <t>テン</t>
    </rPh>
    <rPh sb="10" eb="12">
      <t>ハッセイ</t>
    </rPh>
    <rPh sb="14" eb="16">
      <t>バアイ</t>
    </rPh>
    <rPh sb="18" eb="19">
      <t>スミ</t>
    </rPh>
    <rPh sb="22" eb="24">
      <t>シセツ</t>
    </rPh>
    <rPh sb="24" eb="26">
      <t>カンリ</t>
    </rPh>
    <rPh sb="26" eb="29">
      <t>タントウシャ</t>
    </rPh>
    <rPh sb="30" eb="32">
      <t>キョウギ</t>
    </rPh>
    <phoneticPr fontId="1"/>
  </si>
  <si>
    <t>清掃用資機材及び衛生消耗品は決められた場所に保管し、整理、整頓に</t>
    <rPh sb="0" eb="2">
      <t>セイソウ</t>
    </rPh>
    <rPh sb="2" eb="3">
      <t>ヨウ</t>
    </rPh>
    <rPh sb="3" eb="4">
      <t>シ</t>
    </rPh>
    <rPh sb="4" eb="6">
      <t>キザイ</t>
    </rPh>
    <rPh sb="6" eb="7">
      <t>オヨ</t>
    </rPh>
    <rPh sb="8" eb="10">
      <t>エイセイ</t>
    </rPh>
    <rPh sb="10" eb="13">
      <t>ショウモウヒン</t>
    </rPh>
    <rPh sb="14" eb="15">
      <t>キ</t>
    </rPh>
    <rPh sb="19" eb="21">
      <t>バショ</t>
    </rPh>
    <rPh sb="22" eb="24">
      <t>ホカン</t>
    </rPh>
    <rPh sb="26" eb="28">
      <t>セイリ</t>
    </rPh>
    <rPh sb="29" eb="31">
      <t>セイトン</t>
    </rPh>
    <phoneticPr fontId="1"/>
  </si>
  <si>
    <t>清掃員控室、駐車場の適正な使用</t>
    <rPh sb="0" eb="3">
      <t>セイソウイン</t>
    </rPh>
    <rPh sb="3" eb="4">
      <t>ヒカ</t>
    </rPh>
    <rPh sb="4" eb="5">
      <t>シツ</t>
    </rPh>
    <rPh sb="6" eb="9">
      <t>チュウシャジョウ</t>
    </rPh>
    <rPh sb="10" eb="12">
      <t>テキセイ</t>
    </rPh>
    <rPh sb="13" eb="15">
      <t>シヨウ</t>
    </rPh>
    <phoneticPr fontId="1"/>
  </si>
  <si>
    <t>精密機械・機器の設置場所の作業に当たっては、衝撃、ごみ、火気及び</t>
    <rPh sb="0" eb="2">
      <t>セイミツ</t>
    </rPh>
    <rPh sb="2" eb="4">
      <t>キカイ</t>
    </rPh>
    <rPh sb="5" eb="7">
      <t>キキ</t>
    </rPh>
    <rPh sb="8" eb="10">
      <t>セッチ</t>
    </rPh>
    <rPh sb="10" eb="12">
      <t>バショ</t>
    </rPh>
    <rPh sb="13" eb="15">
      <t>サギョウ</t>
    </rPh>
    <rPh sb="16" eb="17">
      <t>ア</t>
    </rPh>
    <rPh sb="22" eb="24">
      <t>ショウゲキ</t>
    </rPh>
    <rPh sb="28" eb="30">
      <t>カキ</t>
    </rPh>
    <rPh sb="30" eb="31">
      <t>オヨ</t>
    </rPh>
    <phoneticPr fontId="1"/>
  </si>
  <si>
    <t>執務室内の電源を使用する場合は、容量オーバーによる停電が起きない</t>
    <rPh sb="0" eb="2">
      <t>シツム</t>
    </rPh>
    <rPh sb="2" eb="3">
      <t>シツ</t>
    </rPh>
    <rPh sb="3" eb="4">
      <t>ナイ</t>
    </rPh>
    <rPh sb="5" eb="7">
      <t>デンゲン</t>
    </rPh>
    <rPh sb="8" eb="10">
      <t>シヨウ</t>
    </rPh>
    <rPh sb="12" eb="14">
      <t>バアイ</t>
    </rPh>
    <rPh sb="16" eb="18">
      <t>ヨウリョウ</t>
    </rPh>
    <rPh sb="25" eb="27">
      <t>テイデン</t>
    </rPh>
    <rPh sb="28" eb="29">
      <t>オ</t>
    </rPh>
    <phoneticPr fontId="1"/>
  </si>
  <si>
    <t>保護具の着用、使用</t>
    <rPh sb="0" eb="2">
      <t>ホゴ</t>
    </rPh>
    <rPh sb="2" eb="3">
      <t>グ</t>
    </rPh>
    <rPh sb="4" eb="6">
      <t>チャクヨウ</t>
    </rPh>
    <rPh sb="7" eb="9">
      <t>シヨウ</t>
    </rPh>
    <phoneticPr fontId="1"/>
  </si>
  <si>
    <t>脚立の正規使用</t>
    <rPh sb="0" eb="2">
      <t>キャタツ</t>
    </rPh>
    <rPh sb="3" eb="5">
      <t>セイキ</t>
    </rPh>
    <rPh sb="5" eb="7">
      <t>シヨウ</t>
    </rPh>
    <phoneticPr fontId="1"/>
  </si>
  <si>
    <t>安全帯使用の徹底</t>
    <rPh sb="0" eb="2">
      <t>アンゼン</t>
    </rPh>
    <rPh sb="2" eb="3">
      <t>タイ</t>
    </rPh>
    <rPh sb="3" eb="5">
      <t>シヨウ</t>
    </rPh>
    <rPh sb="6" eb="8">
      <t>テッテイ</t>
    </rPh>
    <phoneticPr fontId="1"/>
  </si>
  <si>
    <t>○○病院</t>
    <rPh sb="2" eb="4">
      <t>ビョウイン</t>
    </rPh>
    <phoneticPr fontId="1"/>
  </si>
  <si>
    <t>○○警察署　（１１０）</t>
    <rPh sb="2" eb="4">
      <t>ケイサツ</t>
    </rPh>
    <rPh sb="4" eb="5">
      <t>ショ</t>
    </rPh>
    <phoneticPr fontId="1"/>
  </si>
  <si>
    <t>○○消防　（１１９）</t>
    <rPh sb="2" eb="4">
      <t>ショウボウ</t>
    </rPh>
    <phoneticPr fontId="1"/>
  </si>
  <si>
    <t>施設管理担当者</t>
    <rPh sb="0" eb="2">
      <t>シセツ</t>
    </rPh>
    <rPh sb="2" eb="4">
      <t>カンリ</t>
    </rPh>
    <rPh sb="4" eb="7">
      <t>タントウシャ</t>
    </rPh>
    <phoneticPr fontId="1"/>
  </si>
  <si>
    <t>１　業務概要</t>
    <rPh sb="2" eb="4">
      <t>ギョウム</t>
    </rPh>
    <rPh sb="4" eb="6">
      <t>ガイヨウ</t>
    </rPh>
    <phoneticPr fontId="1"/>
  </si>
  <si>
    <t>○○清掃業務委託</t>
    <rPh sb="2" eb="4">
      <t>セイソウ</t>
    </rPh>
    <rPh sb="4" eb="6">
      <t>ギョウム</t>
    </rPh>
    <rPh sb="6" eb="8">
      <t>イタク</t>
    </rPh>
    <phoneticPr fontId="1"/>
  </si>
  <si>
    <t>(２)　履行場所</t>
    <rPh sb="4" eb="6">
      <t>リコウ</t>
    </rPh>
    <rPh sb="6" eb="8">
      <t>バショ</t>
    </rPh>
    <phoneticPr fontId="1"/>
  </si>
  <si>
    <t>(１)　委託業務名</t>
    <rPh sb="4" eb="6">
      <t>イタク</t>
    </rPh>
    <rPh sb="6" eb="8">
      <t>ギョウム</t>
    </rPh>
    <rPh sb="8" eb="9">
      <t>メイ</t>
    </rPh>
    <phoneticPr fontId="1"/>
  </si>
  <si>
    <t>(３)　履行期間</t>
    <rPh sb="4" eb="6">
      <t>リコウ</t>
    </rPh>
    <rPh sb="6" eb="8">
      <t>キカン</t>
    </rPh>
    <phoneticPr fontId="1"/>
  </si>
  <si>
    <t>(４)　施設管理担当者</t>
    <rPh sb="4" eb="6">
      <t>シセツ</t>
    </rPh>
    <rPh sb="6" eb="8">
      <t>カンリ</t>
    </rPh>
    <rPh sb="8" eb="11">
      <t>タントウシャ</t>
    </rPh>
    <phoneticPr fontId="1"/>
  </si>
  <si>
    <t>２　業務実施体制表</t>
    <rPh sb="2" eb="4">
      <t>ギョウム</t>
    </rPh>
    <rPh sb="4" eb="6">
      <t>ジッシ</t>
    </rPh>
    <rPh sb="6" eb="8">
      <t>タイセイ</t>
    </rPh>
    <rPh sb="8" eb="9">
      <t>ヒョウ</t>
    </rPh>
    <phoneticPr fontId="1"/>
  </si>
  <si>
    <t>受注者</t>
    <rPh sb="0" eb="3">
      <t>ジュチュウシャ</t>
    </rPh>
    <phoneticPr fontId="1"/>
  </si>
  <si>
    <t>電話　○○○－○○○－○○○○</t>
    <rPh sb="0" eb="2">
      <t>デンワ</t>
    </rPh>
    <phoneticPr fontId="1"/>
  </si>
  <si>
    <t>３　年間作業計画表（定期清掃）</t>
    <rPh sb="2" eb="4">
      <t>ネンカン</t>
    </rPh>
    <rPh sb="4" eb="6">
      <t>サギョウ</t>
    </rPh>
    <rPh sb="6" eb="8">
      <t>ケイカク</t>
    </rPh>
    <rPh sb="8" eb="9">
      <t>ヒョウ</t>
    </rPh>
    <rPh sb="10" eb="14">
      <t>テイキセイソウ</t>
    </rPh>
    <phoneticPr fontId="3"/>
  </si>
  <si>
    <t>委託業務名　　○○清掃業務委託</t>
    <rPh sb="0" eb="2">
      <t>イタク</t>
    </rPh>
    <rPh sb="2" eb="4">
      <t>ギョウム</t>
    </rPh>
    <rPh sb="4" eb="5">
      <t>ナ</t>
    </rPh>
    <rPh sb="9" eb="11">
      <t>セイソウ</t>
    </rPh>
    <rPh sb="11" eb="13">
      <t>ギョウム</t>
    </rPh>
    <rPh sb="13" eb="15">
      <t>イタク</t>
    </rPh>
    <phoneticPr fontId="3"/>
  </si>
  <si>
    <t>6M</t>
    <phoneticPr fontId="3"/>
  </si>
  <si>
    <t>フロアマット</t>
    <phoneticPr fontId="3"/>
  </si>
  <si>
    <t>1M</t>
    <phoneticPr fontId="3"/>
  </si>
  <si>
    <t>場所・区域</t>
    <rPh sb="0" eb="2">
      <t>バショ</t>
    </rPh>
    <rPh sb="3" eb="5">
      <t>クイキ</t>
    </rPh>
    <phoneticPr fontId="3"/>
  </si>
  <si>
    <t>区分</t>
    <rPh sb="0" eb="2">
      <t>クブン</t>
    </rPh>
    <phoneticPr fontId="3"/>
  </si>
  <si>
    <t>４　業務管理（日常清掃・ごみ運搬処理）</t>
    <rPh sb="2" eb="4">
      <t>ギョウム</t>
    </rPh>
    <rPh sb="4" eb="6">
      <t>カンリ</t>
    </rPh>
    <rPh sb="7" eb="11">
      <t>ニチジョウセイソウ</t>
    </rPh>
    <rPh sb="14" eb="16">
      <t>ウンパン</t>
    </rPh>
    <rPh sb="16" eb="18">
      <t>ショリ</t>
    </rPh>
    <phoneticPr fontId="3"/>
  </si>
  <si>
    <t>除塵・部分水拭き</t>
    <rPh sb="0" eb="2">
      <t>ジョジン</t>
    </rPh>
    <rPh sb="3" eb="5">
      <t>ブブン</t>
    </rPh>
    <rPh sb="5" eb="7">
      <t>ミズフ</t>
    </rPh>
    <phoneticPr fontId="3"/>
  </si>
  <si>
    <t>1D</t>
    <phoneticPr fontId="3"/>
  </si>
  <si>
    <t>会議室</t>
    <rPh sb="0" eb="2">
      <t>カイギ</t>
    </rPh>
    <rPh sb="2" eb="3">
      <t>シツ</t>
    </rPh>
    <phoneticPr fontId="3"/>
  </si>
  <si>
    <t>2/W</t>
    <phoneticPr fontId="3"/>
  </si>
  <si>
    <t>月・木</t>
    <rPh sb="0" eb="1">
      <t>ゲツ</t>
    </rPh>
    <rPh sb="2" eb="3">
      <t>モク</t>
    </rPh>
    <phoneticPr fontId="3"/>
  </si>
  <si>
    <t>（１）専用部分の事務室等の執務室は、原則として職員の勤務時間外に清掃等の作業を行うものとし、時間設定もこの点を考慮して記載すること。</t>
    <rPh sb="3" eb="5">
      <t>センヨウ</t>
    </rPh>
    <rPh sb="5" eb="7">
      <t>ブブン</t>
    </rPh>
    <rPh sb="8" eb="11">
      <t>ジムシツ</t>
    </rPh>
    <rPh sb="11" eb="12">
      <t>トウ</t>
    </rPh>
    <rPh sb="13" eb="16">
      <t>シツムシツ</t>
    </rPh>
    <rPh sb="18" eb="20">
      <t>ゲンソク</t>
    </rPh>
    <rPh sb="23" eb="25">
      <t>ショクイン</t>
    </rPh>
    <rPh sb="26" eb="28">
      <t>キンム</t>
    </rPh>
    <rPh sb="28" eb="30">
      <t>ジカン</t>
    </rPh>
    <rPh sb="30" eb="31">
      <t>ガイ</t>
    </rPh>
    <rPh sb="32" eb="34">
      <t>セイソウ</t>
    </rPh>
    <rPh sb="34" eb="35">
      <t>トウ</t>
    </rPh>
    <rPh sb="36" eb="38">
      <t>サギョウ</t>
    </rPh>
    <rPh sb="39" eb="40">
      <t>オコナ</t>
    </rPh>
    <rPh sb="46" eb="48">
      <t>ジカン</t>
    </rPh>
    <rPh sb="48" eb="50">
      <t>セッテイ</t>
    </rPh>
    <rPh sb="51" eb="54">
      <t>コノテン</t>
    </rPh>
    <rPh sb="55" eb="57">
      <t>コウリョ</t>
    </rPh>
    <rPh sb="59" eb="61">
      <t>キサイ</t>
    </rPh>
    <phoneticPr fontId="3"/>
  </si>
  <si>
    <t>　　　また、会議室、講堂についても同様とするが、職員に確認の上、室の使用がなく、清掃等の作業を行うことが可能であることが確認できた場合は、その限りではない。</t>
    <rPh sb="6" eb="9">
      <t>カイギシツ</t>
    </rPh>
    <rPh sb="10" eb="12">
      <t>コウドウ</t>
    </rPh>
    <rPh sb="17" eb="19">
      <t>ドウヨウ</t>
    </rPh>
    <rPh sb="24" eb="26">
      <t>ショクイン</t>
    </rPh>
    <rPh sb="27" eb="29">
      <t>カクニン</t>
    </rPh>
    <rPh sb="30" eb="31">
      <t>ウエ</t>
    </rPh>
    <rPh sb="32" eb="33">
      <t>シツ</t>
    </rPh>
    <rPh sb="34" eb="36">
      <t>シヨウ</t>
    </rPh>
    <rPh sb="40" eb="43">
      <t>セイソウトウ</t>
    </rPh>
    <rPh sb="44" eb="46">
      <t>サギョウ</t>
    </rPh>
    <rPh sb="47" eb="48">
      <t>オコナ</t>
    </rPh>
    <rPh sb="52" eb="54">
      <t>カノウ</t>
    </rPh>
    <rPh sb="60" eb="62">
      <t>カクニン</t>
    </rPh>
    <rPh sb="65" eb="67">
      <t>バアイ</t>
    </rPh>
    <rPh sb="71" eb="72">
      <t>カギ</t>
    </rPh>
    <phoneticPr fontId="3"/>
  </si>
  <si>
    <t>（３）清掃作業の内容により『3/W』などの項目については、実際に作業を行う曜日を該当欄に記載し、その日の工程を記載すること。</t>
    <rPh sb="3" eb="5">
      <t>セイソウ</t>
    </rPh>
    <rPh sb="5" eb="7">
      <t>サギョウ</t>
    </rPh>
    <rPh sb="8" eb="10">
      <t>ナイヨウ</t>
    </rPh>
    <rPh sb="21" eb="23">
      <t>コウモク</t>
    </rPh>
    <rPh sb="29" eb="31">
      <t>ジッサイ</t>
    </rPh>
    <rPh sb="32" eb="34">
      <t>サギョウ</t>
    </rPh>
    <rPh sb="35" eb="36">
      <t>オコナ</t>
    </rPh>
    <rPh sb="37" eb="39">
      <t>ヨウビ</t>
    </rPh>
    <rPh sb="40" eb="42">
      <t>ガイトウ</t>
    </rPh>
    <rPh sb="42" eb="43">
      <t>ラン</t>
    </rPh>
    <rPh sb="44" eb="46">
      <t>キサイ</t>
    </rPh>
    <rPh sb="48" eb="51">
      <t>ソノヒ</t>
    </rPh>
    <rPh sb="52" eb="54">
      <t>コウテイ</t>
    </rPh>
    <rPh sb="55" eb="57">
      <t>キサイ</t>
    </rPh>
    <phoneticPr fontId="3"/>
  </si>
  <si>
    <t>５　安全管理</t>
    <rPh sb="2" eb="4">
      <t>アンゼン</t>
    </rPh>
    <rPh sb="4" eb="6">
      <t>カンリ</t>
    </rPh>
    <phoneticPr fontId="1"/>
  </si>
  <si>
    <t>(１)　安全管理体制表</t>
    <rPh sb="4" eb="6">
      <t>アンゼン</t>
    </rPh>
    <rPh sb="6" eb="8">
      <t>カンリ</t>
    </rPh>
    <rPh sb="8" eb="10">
      <t>タイセイ</t>
    </rPh>
    <rPh sb="10" eb="11">
      <t>ヒョウ</t>
    </rPh>
    <phoneticPr fontId="1"/>
  </si>
  <si>
    <t>(２)　安全管理事項</t>
    <rPh sb="4" eb="6">
      <t>アンゼン</t>
    </rPh>
    <rPh sb="6" eb="8">
      <t>カンリ</t>
    </rPh>
    <rPh sb="8" eb="10">
      <t>ジコウ</t>
    </rPh>
    <phoneticPr fontId="1"/>
  </si>
  <si>
    <t>ア　日常清掃業務</t>
    <rPh sb="2" eb="4">
      <t>ニチジョウ</t>
    </rPh>
    <rPh sb="4" eb="6">
      <t>セイソウ</t>
    </rPh>
    <rPh sb="6" eb="8">
      <t>ギョウム</t>
    </rPh>
    <phoneticPr fontId="1"/>
  </si>
  <si>
    <t>イ　定期清掃業務</t>
    <rPh sb="2" eb="4">
      <t>テイキ</t>
    </rPh>
    <rPh sb="4" eb="6">
      <t>セイソウ</t>
    </rPh>
    <rPh sb="6" eb="8">
      <t>ギョウム</t>
    </rPh>
    <phoneticPr fontId="1"/>
  </si>
  <si>
    <t>ア日常清掃業務と同様</t>
    <rPh sb="1" eb="3">
      <t>ニチジョウ</t>
    </rPh>
    <rPh sb="3" eb="5">
      <t>セイソウ</t>
    </rPh>
    <rPh sb="5" eb="7">
      <t>ギョウム</t>
    </rPh>
    <rPh sb="8" eb="10">
      <t>ドウヨウ</t>
    </rPh>
    <phoneticPr fontId="1"/>
  </si>
  <si>
    <t>ウ　窓ガラス清掃業務</t>
    <rPh sb="2" eb="3">
      <t>マド</t>
    </rPh>
    <rPh sb="6" eb="8">
      <t>セイソウ</t>
    </rPh>
    <rPh sb="8" eb="10">
      <t>ギョウム</t>
    </rPh>
    <phoneticPr fontId="1"/>
  </si>
  <si>
    <t>(３)　緊急連絡先</t>
    <rPh sb="4" eb="6">
      <t>キンキュウ</t>
    </rPh>
    <rPh sb="6" eb="8">
      <t>レンラク</t>
    </rPh>
    <rPh sb="8" eb="9">
      <t>サキ</t>
    </rPh>
    <phoneticPr fontId="1"/>
  </si>
  <si>
    <t>電話　○○○－○○○－○○○○</t>
    <phoneticPr fontId="1"/>
  </si>
  <si>
    <t>ＦＡＸ　○○○－○○○－○○○○</t>
    <phoneticPr fontId="1"/>
  </si>
  <si>
    <t>携帯　○○○－○○○○－○○○○</t>
    <rPh sb="0" eb="2">
      <t>ケイタイ</t>
    </rPh>
    <phoneticPr fontId="1"/>
  </si>
  <si>
    <t>高松市○○局○○課　　　○○　○○</t>
    <rPh sb="0" eb="3">
      <t>タカマツシ</t>
    </rPh>
    <rPh sb="5" eb="6">
      <t>キョク</t>
    </rPh>
    <phoneticPr fontId="1"/>
  </si>
  <si>
    <t>(５)　受注者(提出者)</t>
    <rPh sb="4" eb="7">
      <t>ジュチュウシャ</t>
    </rPh>
    <rPh sb="8" eb="10">
      <t>テイシュツ</t>
    </rPh>
    <rPh sb="10" eb="11">
      <t>シャ</t>
    </rPh>
    <phoneticPr fontId="1"/>
  </si>
  <si>
    <t>高松市○○町○○</t>
    <rPh sb="0" eb="2">
      <t>タカマツ</t>
    </rPh>
    <rPh sb="2" eb="3">
      <t>シ</t>
    </rPh>
    <rPh sb="5" eb="6">
      <t>チョウ</t>
    </rPh>
    <phoneticPr fontId="1"/>
  </si>
  <si>
    <t>高松市○○局○○課　　　○○　○○</t>
    <rPh sb="0" eb="3">
      <t>タカマツシ</t>
    </rPh>
    <rPh sb="5" eb="6">
      <t>キョク</t>
    </rPh>
    <rPh sb="8" eb="9">
      <t>カ</t>
    </rPh>
    <phoneticPr fontId="1"/>
  </si>
  <si>
    <t>香川県高松市○○町○丁目○番○号</t>
    <rPh sb="0" eb="3">
      <t>カガワケン</t>
    </rPh>
    <rPh sb="3" eb="6">
      <t>タカマツシ</t>
    </rPh>
    <rPh sb="8" eb="9">
      <t>チョウ</t>
    </rPh>
    <rPh sb="10" eb="11">
      <t>チョウ</t>
    </rPh>
    <rPh sb="11" eb="12">
      <t>メ</t>
    </rPh>
    <rPh sb="13" eb="14">
      <t>バン</t>
    </rPh>
    <rPh sb="15" eb="16">
      <t>ゴウ</t>
    </rPh>
    <phoneticPr fontId="1"/>
  </si>
  <si>
    <t>会議室</t>
    <rPh sb="0" eb="3">
      <t>カイギシツ</t>
    </rPh>
    <phoneticPr fontId="3"/>
  </si>
  <si>
    <t>施設職員、来客者に注意し、作業を行う。</t>
    <rPh sb="0" eb="2">
      <t>シセツ</t>
    </rPh>
    <rPh sb="2" eb="4">
      <t>ショクイン</t>
    </rPh>
    <rPh sb="5" eb="8">
      <t>ライキャクシャ</t>
    </rPh>
    <rPh sb="9" eb="11">
      <t>チュウイ</t>
    </rPh>
    <rPh sb="13" eb="15">
      <t>サギョウ</t>
    </rPh>
    <rPh sb="16" eb="17">
      <t>オコナ</t>
    </rPh>
    <phoneticPr fontId="1"/>
  </si>
  <si>
    <t>湿気等が発生することがないよう十分に注意して作業を行う。</t>
    <rPh sb="0" eb="2">
      <t>シッケ</t>
    </rPh>
    <rPh sb="2" eb="3">
      <t>トウ</t>
    </rPh>
    <rPh sb="4" eb="6">
      <t>ハッセイ</t>
    </rPh>
    <rPh sb="15" eb="17">
      <t>ジュウブン</t>
    </rPh>
    <rPh sb="18" eb="20">
      <t>チュウイ</t>
    </rPh>
    <rPh sb="22" eb="24">
      <t>サギョウ</t>
    </rPh>
    <rPh sb="25" eb="26">
      <t>オコナ</t>
    </rPh>
    <phoneticPr fontId="1"/>
  </si>
  <si>
    <t>よう注意して作業を行う。</t>
    <rPh sb="2" eb="4">
      <t>チュウイ</t>
    </rPh>
    <rPh sb="6" eb="8">
      <t>サギョウ</t>
    </rPh>
    <rPh sb="9" eb="10">
      <t>オコナ</t>
    </rPh>
    <phoneticPr fontId="1"/>
  </si>
  <si>
    <t>努める。</t>
    <phoneticPr fontId="1"/>
  </si>
  <si>
    <t>する。</t>
    <phoneticPr fontId="1"/>
  </si>
  <si>
    <t>作業開始前には、安全に対する指導及び打ち合わせを行うとともに、危</t>
    <rPh sb="0" eb="2">
      <t>サギョウ</t>
    </rPh>
    <rPh sb="2" eb="4">
      <t>カイシ</t>
    </rPh>
    <rPh sb="4" eb="5">
      <t>マエ</t>
    </rPh>
    <rPh sb="8" eb="10">
      <t>アンゼン</t>
    </rPh>
    <rPh sb="11" eb="12">
      <t>タイ</t>
    </rPh>
    <rPh sb="14" eb="16">
      <t>シドウ</t>
    </rPh>
    <rPh sb="16" eb="17">
      <t>オヨ</t>
    </rPh>
    <rPh sb="18" eb="19">
      <t>ウ</t>
    </rPh>
    <rPh sb="20" eb="21">
      <t>ア</t>
    </rPh>
    <rPh sb="24" eb="25">
      <t>オコナ</t>
    </rPh>
    <rPh sb="31" eb="32">
      <t>キ</t>
    </rPh>
    <phoneticPr fontId="1"/>
  </si>
  <si>
    <t>険予知活動等を実施し、徹底化を図る。</t>
    <rPh sb="0" eb="1">
      <t>ケン</t>
    </rPh>
    <rPh sb="1" eb="3">
      <t>ヨチ</t>
    </rPh>
    <rPh sb="3" eb="5">
      <t>カツドウ</t>
    </rPh>
    <rPh sb="5" eb="6">
      <t>トウ</t>
    </rPh>
    <rPh sb="7" eb="9">
      <t>ジッシ</t>
    </rPh>
    <rPh sb="11" eb="14">
      <t>テッテイカ</t>
    </rPh>
    <rPh sb="15" eb="16">
      <t>ハカ</t>
    </rPh>
    <phoneticPr fontId="1"/>
  </si>
  <si>
    <t>る。</t>
    <phoneticPr fontId="1"/>
  </si>
  <si>
    <t>作業期間中は、作業区域をバリケード等を配置し、第三者災害を防止す</t>
    <rPh sb="0" eb="2">
      <t>サギョウ</t>
    </rPh>
    <rPh sb="2" eb="4">
      <t>キカン</t>
    </rPh>
    <rPh sb="4" eb="5">
      <t>チュウ</t>
    </rPh>
    <rPh sb="7" eb="9">
      <t>サギョウ</t>
    </rPh>
    <rPh sb="9" eb="11">
      <t>クイキ</t>
    </rPh>
    <rPh sb="17" eb="18">
      <t>トウ</t>
    </rPh>
    <rPh sb="19" eb="21">
      <t>ハイチ</t>
    </rPh>
    <rPh sb="23" eb="24">
      <t>ダイ</t>
    </rPh>
    <rPh sb="24" eb="25">
      <t>3</t>
    </rPh>
    <rPh sb="25" eb="26">
      <t>シャ</t>
    </rPh>
    <rPh sb="26" eb="28">
      <t>サイガイ</t>
    </rPh>
    <rPh sb="29" eb="31">
      <t>ボウシ</t>
    </rPh>
    <phoneticPr fontId="1"/>
  </si>
  <si>
    <t>作業区分</t>
    <rPh sb="0" eb="2">
      <t>サギョウ</t>
    </rPh>
    <rPh sb="2" eb="4">
      <t>クブン</t>
    </rPh>
    <phoneticPr fontId="3"/>
  </si>
  <si>
    <t>（２）記載例にあるように、各清掃等作業について、おおよその作業時間帯を記すこと。</t>
    <rPh sb="3" eb="6">
      <t>キサイレイ</t>
    </rPh>
    <rPh sb="13" eb="14">
      <t>カク</t>
    </rPh>
    <rPh sb="14" eb="16">
      <t>セイソウ</t>
    </rPh>
    <rPh sb="16" eb="17">
      <t>トウ</t>
    </rPh>
    <rPh sb="17" eb="19">
      <t>サギョウ</t>
    </rPh>
    <rPh sb="29" eb="31">
      <t>サギョウ</t>
    </rPh>
    <rPh sb="31" eb="34">
      <t>ジカンタイ</t>
    </rPh>
    <rPh sb="35" eb="36">
      <t>シル</t>
    </rPh>
    <phoneticPr fontId="3"/>
  </si>
  <si>
    <t>株式会社　□□　代表取締役　○○　○○　　　　　</t>
    <rPh sb="0" eb="4">
      <t>カブシキガイシャ</t>
    </rPh>
    <rPh sb="8" eb="10">
      <t>ダイヒョウ</t>
    </rPh>
    <rPh sb="10" eb="13">
      <t>トリシマリヤク</t>
    </rPh>
    <phoneticPr fontId="1"/>
  </si>
  <si>
    <t>令和○○年○○月○○日　から　令和○○年○○月○○日</t>
    <rPh sb="0" eb="2">
      <t>レイワ</t>
    </rPh>
    <rPh sb="4" eb="5">
      <t>ネン</t>
    </rPh>
    <rPh sb="7" eb="8">
      <t>ガツ</t>
    </rPh>
    <rPh sb="10" eb="11">
      <t>ニチ</t>
    </rPh>
    <rPh sb="19" eb="20">
      <t>ネン</t>
    </rPh>
    <rPh sb="22" eb="23">
      <t>ガツ</t>
    </rPh>
    <rPh sb="25" eb="26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1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明朝"/>
      <family val="1"/>
      <charset val="128"/>
    </font>
    <font>
      <b/>
      <u/>
      <sz val="14"/>
      <name val="ＭＳ 明朝"/>
      <family val="1"/>
      <charset val="128"/>
    </font>
    <font>
      <u/>
      <sz val="12"/>
      <name val="ＭＳ 明朝"/>
      <family val="1"/>
      <charset val="128"/>
    </font>
    <font>
      <sz val="8"/>
      <name val="ＭＳ 明朝"/>
      <family val="1"/>
      <charset val="128"/>
    </font>
    <font>
      <b/>
      <sz val="11"/>
      <name val="ＤＦ特太ゴシック体"/>
      <family val="3"/>
      <charset val="128"/>
    </font>
    <font>
      <sz val="8"/>
      <color indexed="10"/>
      <name val="ＭＳ 明朝"/>
      <family val="1"/>
      <charset val="128"/>
    </font>
    <font>
      <sz val="20"/>
      <name val="HG丸ｺﾞｼｯｸM-PRO"/>
      <family val="3"/>
      <charset val="128"/>
    </font>
    <font>
      <sz val="14"/>
      <name val="ＭＳ 明朝"/>
      <family val="1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b/>
      <sz val="18"/>
      <name val="ＭＳ 明朝"/>
      <family val="1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gray0625">
        <fgColor indexed="8"/>
      </patternFill>
    </fill>
    <fill>
      <patternFill patternType="mediumGray">
        <fgColor indexed="8"/>
      </patternFill>
    </fill>
    <fill>
      <patternFill patternType="gray0625"/>
    </fill>
    <fill>
      <patternFill patternType="gray0625">
        <fgColor indexed="8"/>
        <bgColor theme="1" tint="0.34998626667073579"/>
      </patternFill>
    </fill>
    <fill>
      <patternFill patternType="gray0625">
        <bgColor theme="1" tint="0.34998626667073579"/>
      </patternFill>
    </fill>
  </fills>
  <borders count="6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2" fillId="0" borderId="0"/>
  </cellStyleXfs>
  <cellXfs count="15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1"/>
    <xf numFmtId="0" fontId="4" fillId="0" borderId="0" xfId="1" applyFont="1"/>
    <xf numFmtId="0" fontId="5" fillId="0" borderId="0" xfId="1" applyFont="1"/>
    <xf numFmtId="0" fontId="6" fillId="0" borderId="0" xfId="1" applyFont="1"/>
    <xf numFmtId="0" fontId="2" fillId="0" borderId="1" xfId="1" applyBorder="1" applyAlignment="1">
      <alignment horizontal="center"/>
    </xf>
    <xf numFmtId="0" fontId="2" fillId="0" borderId="2" xfId="1" applyBorder="1" applyAlignment="1">
      <alignment horizontal="center"/>
    </xf>
    <xf numFmtId="0" fontId="2" fillId="0" borderId="3" xfId="1" applyBorder="1" applyAlignment="1">
      <alignment horizontal="center"/>
    </xf>
    <xf numFmtId="0" fontId="2" fillId="0" borderId="4" xfId="1" applyBorder="1" applyAlignment="1">
      <alignment horizontal="center"/>
    </xf>
    <xf numFmtId="0" fontId="2" fillId="0" borderId="5" xfId="1" applyBorder="1" applyAlignment="1">
      <alignment horizontal="center"/>
    </xf>
    <xf numFmtId="0" fontId="2" fillId="0" borderId="6" xfId="1" applyBorder="1" applyAlignment="1">
      <alignment vertical="center"/>
    </xf>
    <xf numFmtId="0" fontId="2" fillId="0" borderId="7" xfId="1" applyBorder="1" applyAlignment="1">
      <alignment vertical="center"/>
    </xf>
    <xf numFmtId="0" fontId="2" fillId="0" borderId="8" xfId="1" applyBorder="1" applyAlignment="1">
      <alignment vertical="center"/>
    </xf>
    <xf numFmtId="0" fontId="2" fillId="0" borderId="9" xfId="1" applyBorder="1" applyAlignment="1">
      <alignment vertical="center"/>
    </xf>
    <xf numFmtId="0" fontId="2" fillId="0" borderId="10" xfId="1" applyBorder="1" applyAlignment="1">
      <alignment vertical="center"/>
    </xf>
    <xf numFmtId="0" fontId="2" fillId="0" borderId="0" xfId="1" applyAlignment="1">
      <alignment vertical="center"/>
    </xf>
    <xf numFmtId="0" fontId="2" fillId="0" borderId="11" xfId="1" applyBorder="1" applyAlignment="1">
      <alignment vertical="center"/>
    </xf>
    <xf numFmtId="0" fontId="2" fillId="2" borderId="12" xfId="1" applyFill="1" applyBorder="1" applyAlignment="1">
      <alignment horizontal="left" vertical="center" shrinkToFit="1"/>
    </xf>
    <xf numFmtId="0" fontId="2" fillId="2" borderId="13" xfId="1" applyFill="1" applyBorder="1" applyAlignment="1">
      <alignment horizontal="left" vertical="center" shrinkToFit="1"/>
    </xf>
    <xf numFmtId="0" fontId="7" fillId="2" borderId="13" xfId="1" applyFont="1" applyFill="1" applyBorder="1" applyAlignment="1">
      <alignment vertical="center"/>
    </xf>
    <xf numFmtId="0" fontId="7" fillId="2" borderId="14" xfId="1" applyFont="1" applyFill="1" applyBorder="1" applyAlignment="1">
      <alignment horizontal="center" vertical="center"/>
    </xf>
    <xf numFmtId="0" fontId="2" fillId="2" borderId="13" xfId="1" applyFill="1" applyBorder="1" applyAlignment="1">
      <alignment vertical="center"/>
    </xf>
    <xf numFmtId="0" fontId="2" fillId="3" borderId="13" xfId="1" applyFill="1" applyBorder="1" applyAlignment="1">
      <alignment vertical="center"/>
    </xf>
    <xf numFmtId="0" fontId="2" fillId="2" borderId="13" xfId="1" quotePrefix="1" applyFill="1" applyBorder="1" applyAlignment="1">
      <alignment vertical="center"/>
    </xf>
    <xf numFmtId="0" fontId="8" fillId="2" borderId="15" xfId="1" applyFont="1" applyFill="1" applyBorder="1" applyAlignment="1">
      <alignment vertical="center"/>
    </xf>
    <xf numFmtId="0" fontId="2" fillId="2" borderId="16" xfId="1" applyFill="1" applyBorder="1" applyAlignment="1">
      <alignment vertical="center"/>
    </xf>
    <xf numFmtId="0" fontId="7" fillId="2" borderId="13" xfId="1" applyFont="1" applyFill="1" applyBorder="1" applyAlignment="1">
      <alignment horizontal="center" vertical="center"/>
    </xf>
    <xf numFmtId="0" fontId="7" fillId="4" borderId="13" xfId="1" applyFont="1" applyFill="1" applyBorder="1" applyAlignment="1">
      <alignment vertical="center"/>
    </xf>
    <xf numFmtId="0" fontId="2" fillId="4" borderId="13" xfId="1" applyFill="1" applyBorder="1" applyAlignment="1">
      <alignment vertical="center"/>
    </xf>
    <xf numFmtId="0" fontId="7" fillId="4" borderId="13" xfId="1" applyFont="1" applyFill="1" applyBorder="1" applyAlignment="1">
      <alignment horizontal="center" vertical="center"/>
    </xf>
    <xf numFmtId="0" fontId="2" fillId="0" borderId="13" xfId="1" applyBorder="1" applyAlignment="1">
      <alignment vertical="center"/>
    </xf>
    <xf numFmtId="0" fontId="7" fillId="0" borderId="13" xfId="1" applyFont="1" applyBorder="1" applyAlignment="1">
      <alignment vertical="center"/>
    </xf>
    <xf numFmtId="0" fontId="7" fillId="0" borderId="13" xfId="1" applyFont="1" applyBorder="1" applyAlignment="1">
      <alignment horizontal="center" vertical="center"/>
    </xf>
    <xf numFmtId="0" fontId="2" fillId="0" borderId="17" xfId="1" applyBorder="1" applyAlignment="1">
      <alignment vertical="center"/>
    </xf>
    <xf numFmtId="0" fontId="2" fillId="0" borderId="13" xfId="1" applyBorder="1" applyAlignment="1">
      <alignment horizontal="left" vertical="center" shrinkToFit="1"/>
    </xf>
    <xf numFmtId="0" fontId="7" fillId="0" borderId="14" xfId="1" applyFont="1" applyBorder="1" applyAlignment="1">
      <alignment horizontal="center" vertical="center"/>
    </xf>
    <xf numFmtId="0" fontId="2" fillId="0" borderId="18" xfId="1" applyBorder="1" applyAlignment="1">
      <alignment vertical="center"/>
    </xf>
    <xf numFmtId="0" fontId="7" fillId="0" borderId="13" xfId="1" applyFont="1" applyBorder="1" applyAlignment="1">
      <alignment vertical="center" shrinkToFit="1"/>
    </xf>
    <xf numFmtId="0" fontId="9" fillId="0" borderId="14" xfId="1" applyFont="1" applyBorder="1" applyAlignment="1">
      <alignment horizontal="center" vertical="center"/>
    </xf>
    <xf numFmtId="0" fontId="2" fillId="0" borderId="19" xfId="1" applyBorder="1" applyAlignment="1">
      <alignment vertical="center"/>
    </xf>
    <xf numFmtId="0" fontId="7" fillId="0" borderId="19" xfId="1" applyFont="1" applyBorder="1" applyAlignment="1">
      <alignment vertical="center"/>
    </xf>
    <xf numFmtId="0" fontId="7" fillId="0" borderId="19" xfId="1" applyFont="1" applyBorder="1" applyAlignment="1">
      <alignment horizontal="center" vertical="center"/>
    </xf>
    <xf numFmtId="0" fontId="2" fillId="0" borderId="20" xfId="1" applyBorder="1" applyAlignment="1">
      <alignment vertical="center"/>
    </xf>
    <xf numFmtId="0" fontId="2" fillId="0" borderId="21" xfId="1" applyBorder="1" applyAlignment="1">
      <alignment vertical="center"/>
    </xf>
    <xf numFmtId="0" fontId="2" fillId="0" borderId="22" xfId="1" applyBorder="1" applyAlignment="1">
      <alignment vertical="center"/>
    </xf>
    <xf numFmtId="0" fontId="7" fillId="0" borderId="22" xfId="1" applyFont="1" applyBorder="1" applyAlignment="1">
      <alignment vertical="center"/>
    </xf>
    <xf numFmtId="0" fontId="7" fillId="0" borderId="22" xfId="1" applyFont="1" applyBorder="1" applyAlignment="1">
      <alignment horizontal="center" vertical="center"/>
    </xf>
    <xf numFmtId="0" fontId="2" fillId="0" borderId="23" xfId="1" applyBorder="1" applyAlignment="1">
      <alignment vertical="center"/>
    </xf>
    <xf numFmtId="0" fontId="2" fillId="4" borderId="24" xfId="1" applyFill="1" applyBorder="1" applyAlignment="1">
      <alignment vertical="center"/>
    </xf>
    <xf numFmtId="0" fontId="2" fillId="4" borderId="12" xfId="1" applyFill="1" applyBorder="1" applyAlignment="1">
      <alignment vertical="center"/>
    </xf>
    <xf numFmtId="0" fontId="2" fillId="4" borderId="16" xfId="1" applyFill="1" applyBorder="1" applyAlignment="1">
      <alignment horizontal="left" vertical="center"/>
    </xf>
    <xf numFmtId="0" fontId="2" fillId="4" borderId="25" xfId="1" applyFill="1" applyBorder="1" applyAlignment="1">
      <alignment horizontal="left" vertical="center"/>
    </xf>
    <xf numFmtId="0" fontId="2" fillId="0" borderId="13" xfId="1" applyBorder="1" applyAlignment="1">
      <alignment horizontal="left" vertical="center"/>
    </xf>
    <xf numFmtId="0" fontId="2" fillId="0" borderId="26" xfId="1" applyBorder="1" applyAlignment="1">
      <alignment vertical="center"/>
    </xf>
    <xf numFmtId="0" fontId="2" fillId="0" borderId="3" xfId="1" applyBorder="1" applyAlignment="1">
      <alignment horizontal="left" vertical="center"/>
    </xf>
    <xf numFmtId="0" fontId="7" fillId="0" borderId="3" xfId="1" applyFont="1" applyBorder="1" applyAlignment="1">
      <alignment vertical="center"/>
    </xf>
    <xf numFmtId="0" fontId="2" fillId="0" borderId="4" xfId="1" applyBorder="1" applyAlignment="1">
      <alignment vertical="center"/>
    </xf>
    <xf numFmtId="0" fontId="2" fillId="0" borderId="5" xfId="1" applyBorder="1" applyAlignment="1">
      <alignment vertical="center"/>
    </xf>
    <xf numFmtId="0" fontId="7" fillId="0" borderId="0" xfId="1" applyFont="1" applyAlignment="1">
      <alignment vertical="center"/>
    </xf>
    <xf numFmtId="0" fontId="7" fillId="0" borderId="0" xfId="1" applyFont="1" applyAlignment="1">
      <alignment horizontal="center" vertical="center"/>
    </xf>
    <xf numFmtId="0" fontId="11" fillId="0" borderId="0" xfId="1" applyFont="1" applyAlignment="1">
      <alignment vertical="center"/>
    </xf>
    <xf numFmtId="0" fontId="12" fillId="0" borderId="0" xfId="1" applyFont="1"/>
    <xf numFmtId="0" fontId="2" fillId="0" borderId="27" xfId="1" applyBorder="1" applyAlignment="1">
      <alignment horizontal="center"/>
    </xf>
    <xf numFmtId="0" fontId="2" fillId="0" borderId="28" xfId="1" applyBorder="1" applyAlignment="1">
      <alignment horizontal="center"/>
    </xf>
    <xf numFmtId="0" fontId="2" fillId="0" borderId="29" xfId="1" applyBorder="1" applyAlignment="1">
      <alignment horizontal="center"/>
    </xf>
    <xf numFmtId="0" fontId="2" fillId="0" borderId="30" xfId="1" applyBorder="1" applyAlignment="1">
      <alignment horizontal="center"/>
    </xf>
    <xf numFmtId="0" fontId="2" fillId="0" borderId="31" xfId="1" applyBorder="1" applyAlignment="1">
      <alignment vertical="center"/>
    </xf>
    <xf numFmtId="0" fontId="2" fillId="2" borderId="19" xfId="1" applyFill="1" applyBorder="1" applyAlignment="1">
      <alignment horizontal="center" vertical="center" shrinkToFit="1"/>
    </xf>
    <xf numFmtId="0" fontId="2" fillId="2" borderId="32" xfId="1" applyFill="1" applyBorder="1" applyAlignment="1">
      <alignment vertical="center"/>
    </xf>
    <xf numFmtId="0" fontId="8" fillId="2" borderId="33" xfId="1" applyFont="1" applyFill="1" applyBorder="1" applyAlignment="1">
      <alignment vertical="center"/>
    </xf>
    <xf numFmtId="0" fontId="2" fillId="2" borderId="25" xfId="1" applyFill="1" applyBorder="1" applyAlignment="1">
      <alignment vertical="center"/>
    </xf>
    <xf numFmtId="0" fontId="2" fillId="2" borderId="34" xfId="1" applyFill="1" applyBorder="1" applyAlignment="1">
      <alignment horizontal="center" vertical="center"/>
    </xf>
    <xf numFmtId="0" fontId="2" fillId="0" borderId="13" xfId="1" applyBorder="1" applyAlignment="1">
      <alignment horizontal="center" vertical="center" shrinkToFit="1"/>
    </xf>
    <xf numFmtId="0" fontId="2" fillId="0" borderId="32" xfId="1" applyBorder="1" applyAlignment="1">
      <alignment vertical="center"/>
    </xf>
    <xf numFmtId="0" fontId="2" fillId="0" borderId="13" xfId="1" applyBorder="1" applyAlignment="1">
      <alignment horizontal="center" vertical="center"/>
    </xf>
    <xf numFmtId="0" fontId="9" fillId="0" borderId="13" xfId="1" applyFont="1" applyBorder="1" applyAlignment="1">
      <alignment horizontal="center" vertical="center"/>
    </xf>
    <xf numFmtId="0" fontId="2" fillId="0" borderId="19" xfId="1" applyBorder="1" applyAlignment="1">
      <alignment horizontal="center" vertical="center"/>
    </xf>
    <xf numFmtId="0" fontId="2" fillId="0" borderId="35" xfId="1" applyBorder="1" applyAlignment="1">
      <alignment vertical="center"/>
    </xf>
    <xf numFmtId="0" fontId="2" fillId="0" borderId="22" xfId="1" applyBorder="1" applyAlignment="1">
      <alignment horizontal="center" vertical="center"/>
    </xf>
    <xf numFmtId="176" fontId="2" fillId="4" borderId="19" xfId="1" applyNumberFormat="1" applyFill="1" applyBorder="1" applyAlignment="1">
      <alignment horizontal="center" vertical="center"/>
    </xf>
    <xf numFmtId="0" fontId="2" fillId="4" borderId="32" xfId="1" applyFill="1" applyBorder="1" applyAlignment="1">
      <alignment vertical="center"/>
    </xf>
    <xf numFmtId="0" fontId="2" fillId="0" borderId="19" xfId="1" applyBorder="1" applyAlignment="1">
      <alignment horizontal="left" vertical="center"/>
    </xf>
    <xf numFmtId="0" fontId="2" fillId="0" borderId="36" xfId="1" applyBorder="1" applyAlignment="1">
      <alignment vertical="center"/>
    </xf>
    <xf numFmtId="0" fontId="2" fillId="4" borderId="37" xfId="1" applyFill="1" applyBorder="1" applyAlignment="1">
      <alignment horizontal="left" vertical="center"/>
    </xf>
    <xf numFmtId="0" fontId="2" fillId="4" borderId="38" xfId="1" applyFill="1" applyBorder="1" applyAlignment="1">
      <alignment horizontal="left" vertical="center"/>
    </xf>
    <xf numFmtId="0" fontId="2" fillId="4" borderId="39" xfId="1" applyFill="1" applyBorder="1" applyAlignment="1">
      <alignment horizontal="center" vertical="center"/>
    </xf>
    <xf numFmtId="0" fontId="7" fillId="4" borderId="39" xfId="1" applyFont="1" applyFill="1" applyBorder="1" applyAlignment="1">
      <alignment vertical="center"/>
    </xf>
    <xf numFmtId="0" fontId="7" fillId="4" borderId="40" xfId="1" applyFont="1" applyFill="1" applyBorder="1" applyAlignment="1">
      <alignment vertical="center"/>
    </xf>
    <xf numFmtId="0" fontId="2" fillId="4" borderId="40" xfId="1" applyFill="1" applyBorder="1" applyAlignment="1">
      <alignment vertical="center"/>
    </xf>
    <xf numFmtId="0" fontId="2" fillId="4" borderId="41" xfId="1" applyFill="1" applyBorder="1" applyAlignment="1">
      <alignment vertical="center"/>
    </xf>
    <xf numFmtId="0" fontId="2" fillId="4" borderId="14" xfId="1" applyFill="1" applyBorder="1" applyAlignment="1">
      <alignment horizontal="center" vertical="center"/>
    </xf>
    <xf numFmtId="0" fontId="7" fillId="4" borderId="14" xfId="1" applyFont="1" applyFill="1" applyBorder="1" applyAlignment="1">
      <alignment vertical="center"/>
    </xf>
    <xf numFmtId="0" fontId="2" fillId="0" borderId="4" xfId="1" applyBorder="1" applyAlignment="1">
      <alignment horizontal="left" vertical="center"/>
    </xf>
    <xf numFmtId="0" fontId="2" fillId="0" borderId="4" xfId="1" applyBorder="1" applyAlignment="1">
      <alignment horizontal="center" vertical="center"/>
    </xf>
    <xf numFmtId="0" fontId="7" fillId="0" borderId="4" xfId="1" applyFont="1" applyBorder="1" applyAlignment="1">
      <alignment vertical="center"/>
    </xf>
    <xf numFmtId="0" fontId="2" fillId="0" borderId="0" xfId="1" applyAlignment="1">
      <alignment shrinkToFit="1"/>
    </xf>
    <xf numFmtId="0" fontId="2" fillId="0" borderId="8" xfId="1" applyBorder="1" applyAlignment="1">
      <alignment vertical="center" shrinkToFit="1"/>
    </xf>
    <xf numFmtId="0" fontId="7" fillId="2" borderId="13" xfId="1" applyFont="1" applyFill="1" applyBorder="1" applyAlignment="1">
      <alignment horizontal="center" vertical="center" shrinkToFit="1"/>
    </xf>
    <xf numFmtId="0" fontId="7" fillId="0" borderId="13" xfId="1" applyFont="1" applyBorder="1" applyAlignment="1">
      <alignment horizontal="center" vertical="center" shrinkToFit="1"/>
    </xf>
    <xf numFmtId="0" fontId="7" fillId="0" borderId="19" xfId="1" applyFont="1" applyBorder="1" applyAlignment="1">
      <alignment horizontal="center" vertical="center" shrinkToFit="1"/>
    </xf>
    <xf numFmtId="0" fontId="7" fillId="0" borderId="22" xfId="1" applyFont="1" applyBorder="1" applyAlignment="1">
      <alignment horizontal="center" vertical="center" shrinkToFit="1"/>
    </xf>
    <xf numFmtId="0" fontId="7" fillId="4" borderId="13" xfId="1" applyFont="1" applyFill="1" applyBorder="1" applyAlignment="1">
      <alignment horizontal="center" vertical="center" shrinkToFit="1"/>
    </xf>
    <xf numFmtId="0" fontId="7" fillId="4" borderId="40" xfId="1" applyFont="1" applyFill="1" applyBorder="1" applyAlignment="1">
      <alignment horizontal="center" vertical="center" shrinkToFit="1"/>
    </xf>
    <xf numFmtId="0" fontId="7" fillId="0" borderId="4" xfId="1" applyFont="1" applyBorder="1" applyAlignment="1">
      <alignment horizontal="center" vertical="center" shrinkToFit="1"/>
    </xf>
    <xf numFmtId="0" fontId="7" fillId="0" borderId="0" xfId="1" applyFont="1" applyAlignment="1">
      <alignment horizontal="center" vertical="center" shrinkToFit="1"/>
    </xf>
    <xf numFmtId="0" fontId="2" fillId="0" borderId="0" xfId="1" applyAlignment="1">
      <alignment vertical="center" shrinkToFit="1"/>
    </xf>
    <xf numFmtId="0" fontId="13" fillId="0" borderId="0" xfId="1" applyFont="1" applyAlignment="1">
      <alignment vertical="center"/>
    </xf>
    <xf numFmtId="0" fontId="7" fillId="4" borderId="39" xfId="1" applyFont="1" applyFill="1" applyBorder="1" applyAlignment="1">
      <alignment horizontal="center" vertical="center"/>
    </xf>
    <xf numFmtId="0" fontId="15" fillId="0" borderId="42" xfId="0" applyFont="1" applyBorder="1">
      <alignment vertical="center"/>
    </xf>
    <xf numFmtId="0" fontId="15" fillId="0" borderId="43" xfId="0" applyFont="1" applyBorder="1">
      <alignment vertical="center"/>
    </xf>
    <xf numFmtId="0" fontId="15" fillId="0" borderId="44" xfId="0" applyFont="1" applyBorder="1" applyAlignment="1">
      <alignment horizontal="center" vertical="center"/>
    </xf>
    <xf numFmtId="0" fontId="15" fillId="0" borderId="45" xfId="0" applyFont="1" applyBorder="1">
      <alignment vertical="center"/>
    </xf>
    <xf numFmtId="0" fontId="15" fillId="0" borderId="46" xfId="0" applyFont="1" applyBorder="1">
      <alignment vertical="center"/>
    </xf>
    <xf numFmtId="0" fontId="15" fillId="0" borderId="47" xfId="0" applyFont="1" applyBorder="1">
      <alignment vertical="center"/>
    </xf>
    <xf numFmtId="0" fontId="15" fillId="0" borderId="48" xfId="0" applyFont="1" applyBorder="1">
      <alignment vertical="center"/>
    </xf>
    <xf numFmtId="0" fontId="15" fillId="0" borderId="49" xfId="0" applyFont="1" applyBorder="1" applyAlignment="1">
      <alignment horizontal="center" vertical="center"/>
    </xf>
    <xf numFmtId="0" fontId="15" fillId="0" borderId="50" xfId="0" applyFont="1" applyBorder="1" applyAlignment="1">
      <alignment horizontal="center" vertical="center"/>
    </xf>
    <xf numFmtId="0" fontId="15" fillId="0" borderId="49" xfId="0" applyFont="1" applyBorder="1" applyAlignment="1">
      <alignment horizontal="left" vertical="center"/>
    </xf>
    <xf numFmtId="0" fontId="15" fillId="0" borderId="51" xfId="0" applyFont="1" applyBorder="1">
      <alignment vertical="center"/>
    </xf>
    <xf numFmtId="0" fontId="15" fillId="0" borderId="52" xfId="0" applyFont="1" applyBorder="1">
      <alignment vertical="center"/>
    </xf>
    <xf numFmtId="0" fontId="15" fillId="0" borderId="53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15" fillId="0" borderId="0" xfId="0" applyFont="1">
      <alignment vertical="center"/>
    </xf>
    <xf numFmtId="0" fontId="15" fillId="0" borderId="54" xfId="0" applyFont="1" applyBorder="1">
      <alignment vertical="center"/>
    </xf>
    <xf numFmtId="0" fontId="15" fillId="0" borderId="55" xfId="0" applyFont="1" applyBorder="1">
      <alignment vertical="center"/>
    </xf>
    <xf numFmtId="0" fontId="15" fillId="0" borderId="53" xfId="0" applyFont="1" applyBorder="1">
      <alignment vertical="center"/>
    </xf>
    <xf numFmtId="0" fontId="15" fillId="0" borderId="50" xfId="0" applyFont="1" applyBorder="1">
      <alignment vertical="center"/>
    </xf>
    <xf numFmtId="0" fontId="15" fillId="0" borderId="49" xfId="0" applyFont="1" applyBorder="1">
      <alignment vertical="center"/>
    </xf>
    <xf numFmtId="0" fontId="16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2" fillId="5" borderId="13" xfId="1" applyFill="1" applyBorder="1" applyAlignment="1">
      <alignment vertical="center"/>
    </xf>
    <xf numFmtId="0" fontId="2" fillId="6" borderId="13" xfId="1" applyFill="1" applyBorder="1" applyAlignment="1">
      <alignment vertical="center"/>
    </xf>
    <xf numFmtId="0" fontId="2" fillId="6" borderId="40" xfId="1" applyFill="1" applyBorder="1" applyAlignment="1">
      <alignment vertical="center"/>
    </xf>
    <xf numFmtId="0" fontId="2" fillId="0" borderId="0" xfId="0" applyFont="1">
      <alignment vertical="center"/>
    </xf>
    <xf numFmtId="0" fontId="17" fillId="0" borderId="44" xfId="0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4" fillId="0" borderId="45" xfId="0" applyFont="1" applyBorder="1">
      <alignment vertical="center"/>
    </xf>
    <xf numFmtId="0" fontId="4" fillId="0" borderId="56" xfId="0" applyFont="1" applyBorder="1">
      <alignment vertical="center"/>
    </xf>
    <xf numFmtId="0" fontId="4" fillId="0" borderId="46" xfId="0" applyFont="1" applyBorder="1">
      <alignment vertical="center"/>
    </xf>
    <xf numFmtId="0" fontId="2" fillId="0" borderId="0" xfId="1" applyAlignment="1">
      <alignment horizontal="center"/>
    </xf>
    <xf numFmtId="0" fontId="2" fillId="2" borderId="24" xfId="1" applyFill="1" applyBorder="1" applyAlignment="1">
      <alignment horizontal="left" vertical="center" shrinkToFit="1"/>
    </xf>
    <xf numFmtId="0" fontId="2" fillId="2" borderId="12" xfId="1" applyFill="1" applyBorder="1" applyAlignment="1">
      <alignment horizontal="left" vertical="center" shrinkToFit="1"/>
    </xf>
    <xf numFmtId="0" fontId="2" fillId="0" borderId="58" xfId="1" applyBorder="1" applyAlignment="1">
      <alignment horizontal="center" vertical="center"/>
    </xf>
    <xf numFmtId="0" fontId="2" fillId="0" borderId="3" xfId="1" applyBorder="1" applyAlignment="1">
      <alignment horizontal="center" vertical="center"/>
    </xf>
    <xf numFmtId="0" fontId="2" fillId="0" borderId="59" xfId="1" applyBorder="1" applyAlignment="1">
      <alignment horizontal="center" vertical="center"/>
    </xf>
    <xf numFmtId="0" fontId="2" fillId="0" borderId="60" xfId="1" applyBorder="1" applyAlignment="1">
      <alignment horizontal="center" vertical="center"/>
    </xf>
    <xf numFmtId="0" fontId="2" fillId="0" borderId="61" xfId="1" applyBorder="1" applyAlignment="1">
      <alignment horizontal="center" vertical="center"/>
    </xf>
    <xf numFmtId="0" fontId="2" fillId="0" borderId="62" xfId="1" applyBorder="1" applyAlignment="1">
      <alignment horizontal="center" vertical="center"/>
    </xf>
    <xf numFmtId="0" fontId="2" fillId="0" borderId="27" xfId="1" applyBorder="1" applyAlignment="1">
      <alignment horizontal="center" vertical="center"/>
    </xf>
    <xf numFmtId="0" fontId="2" fillId="0" borderId="29" xfId="1" applyBorder="1" applyAlignment="1">
      <alignment horizontal="center" vertical="center"/>
    </xf>
    <xf numFmtId="20" fontId="2" fillId="0" borderId="9" xfId="1" applyNumberFormat="1" applyBorder="1" applyAlignment="1">
      <alignment horizontal="center"/>
    </xf>
    <xf numFmtId="20" fontId="2" fillId="0" borderId="8" xfId="1" quotePrefix="1" applyNumberFormat="1" applyBorder="1" applyAlignment="1">
      <alignment horizontal="center"/>
    </xf>
    <xf numFmtId="20" fontId="2" fillId="0" borderId="57" xfId="1" quotePrefix="1" applyNumberFormat="1" applyBorder="1" applyAlignment="1">
      <alignment horizontal="center"/>
    </xf>
    <xf numFmtId="20" fontId="2" fillId="0" borderId="10" xfId="1" quotePrefix="1" applyNumberFormat="1" applyBorder="1" applyAlignment="1">
      <alignment horizontal="center"/>
    </xf>
    <xf numFmtId="0" fontId="10" fillId="0" borderId="0" xfId="1" applyFont="1" applyAlignment="1">
      <alignment horizontal="center" vertical="center"/>
    </xf>
    <xf numFmtId="20" fontId="2" fillId="0" borderId="9" xfId="1" quotePrefix="1" applyNumberFormat="1" applyBorder="1" applyAlignment="1">
      <alignment horizontal="center"/>
    </xf>
    <xf numFmtId="0" fontId="2" fillId="0" borderId="63" xfId="1" applyBorder="1" applyAlignment="1">
      <alignment horizontal="center" vertical="center" shrinkToFit="1"/>
    </xf>
    <xf numFmtId="0" fontId="2" fillId="0" borderId="28" xfId="1" applyBorder="1" applyAlignment="1">
      <alignment horizontal="center" vertical="center" shrinkToFit="1"/>
    </xf>
  </cellXfs>
  <cellStyles count="2">
    <cellStyle name="標準" xfId="0" builtinId="0"/>
    <cellStyle name="標準_清掃業務作業計画書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429000</xdr:colOff>
      <xdr:row>0</xdr:row>
      <xdr:rowOff>66675</xdr:rowOff>
    </xdr:from>
    <xdr:to>
      <xdr:col>2</xdr:col>
      <xdr:colOff>4158615</xdr:colOff>
      <xdr:row>0</xdr:row>
      <xdr:rowOff>36195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5234940" y="66675"/>
          <a:ext cx="729615" cy="295275"/>
        </a:xfrm>
        <a:prstGeom prst="rect">
          <a:avLst/>
        </a:prstGeom>
        <a:solidFill>
          <a:schemeClr val="lt1"/>
        </a:solidFill>
        <a:ln w="6350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100"/>
            <a:t>別紙１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56"/>
  <sheetViews>
    <sheetView tabSelected="1" view="pageBreakPreview" zoomScale="60" zoomScaleNormal="100" workbookViewId="0">
      <selection activeCell="I13" sqref="I13"/>
    </sheetView>
  </sheetViews>
  <sheetFormatPr defaultRowHeight="13.2"/>
  <cols>
    <col min="1" max="1" width="5.6640625" customWidth="1"/>
    <col min="2" max="2" width="20.6640625" customWidth="1"/>
    <col min="3" max="3" width="60.6640625" style="1" customWidth="1"/>
  </cols>
  <sheetData>
    <row r="1" spans="1:3" ht="30" customHeight="1"/>
    <row r="2" spans="1:3" ht="30" customHeight="1">
      <c r="A2" s="136" t="s">
        <v>0</v>
      </c>
      <c r="B2" s="136"/>
      <c r="C2" s="136"/>
    </row>
    <row r="3" spans="1:3" ht="30" customHeight="1"/>
    <row r="4" spans="1:3" ht="30" customHeight="1"/>
    <row r="5" spans="1:3" ht="30" customHeight="1">
      <c r="A5" s="137" t="s">
        <v>62</v>
      </c>
      <c r="B5" s="138"/>
      <c r="C5" s="139"/>
    </row>
    <row r="6" spans="1:3" ht="30" customHeight="1">
      <c r="A6" s="109"/>
      <c r="B6" s="110" t="s">
        <v>65</v>
      </c>
      <c r="C6" s="111" t="s">
        <v>63</v>
      </c>
    </row>
    <row r="7" spans="1:3" ht="30" customHeight="1">
      <c r="A7" s="112"/>
      <c r="B7" s="113" t="s">
        <v>64</v>
      </c>
      <c r="C7" s="111" t="s">
        <v>100</v>
      </c>
    </row>
    <row r="8" spans="1:3" ht="30" customHeight="1">
      <c r="A8" s="112"/>
      <c r="B8" s="113" t="s">
        <v>66</v>
      </c>
      <c r="C8" s="135" t="s">
        <v>116</v>
      </c>
    </row>
    <row r="9" spans="1:3" ht="30" customHeight="1">
      <c r="A9" s="114"/>
      <c r="B9" s="115" t="s">
        <v>67</v>
      </c>
      <c r="C9" s="116" t="s">
        <v>101</v>
      </c>
    </row>
    <row r="10" spans="1:3" ht="30" customHeight="1">
      <c r="A10" s="109"/>
      <c r="B10" s="110"/>
      <c r="C10" s="117" t="s">
        <v>70</v>
      </c>
    </row>
    <row r="11" spans="1:3" ht="30" customHeight="1">
      <c r="A11" s="114"/>
      <c r="B11" s="115" t="s">
        <v>99</v>
      </c>
      <c r="C11" s="118" t="s">
        <v>102</v>
      </c>
    </row>
    <row r="12" spans="1:3" ht="60" customHeight="1">
      <c r="A12" s="119"/>
      <c r="B12" s="120"/>
      <c r="C12" s="121" t="s">
        <v>115</v>
      </c>
    </row>
    <row r="13" spans="1:3" ht="30" customHeight="1">
      <c r="A13" s="109"/>
      <c r="B13" s="110"/>
      <c r="C13" s="117" t="s">
        <v>70</v>
      </c>
    </row>
    <row r="14" spans="1:3" ht="30" customHeight="1"/>
    <row r="15" spans="1:3" ht="30" customHeight="1"/>
    <row r="16" spans="1:3" ht="30" customHeight="1"/>
    <row r="17" ht="30" customHeight="1"/>
    <row r="18" ht="30" customHeight="1"/>
    <row r="19" ht="30" customHeight="1"/>
    <row r="20" ht="30" customHeight="1"/>
    <row r="21" ht="30" customHeight="1"/>
    <row r="22" ht="30" customHeight="1"/>
    <row r="23" ht="30" customHeight="1"/>
    <row r="24" ht="30" customHeight="1"/>
    <row r="25" ht="30" customHeight="1"/>
    <row r="26" ht="30" customHeight="1"/>
    <row r="27" ht="30" customHeight="1"/>
    <row r="28" ht="30" customHeight="1"/>
    <row r="29" ht="30" customHeight="1"/>
    <row r="30" ht="30" customHeight="1"/>
    <row r="31" ht="30" customHeight="1"/>
    <row r="32" ht="20.100000000000001" customHeight="1"/>
    <row r="33" ht="20.100000000000001" customHeight="1"/>
    <row r="34" ht="20.100000000000001" customHeight="1"/>
    <row r="35" ht="20.100000000000001" customHeight="1"/>
    <row r="36" ht="20.100000000000001" customHeight="1"/>
    <row r="37" ht="20.100000000000001" customHeight="1"/>
    <row r="38" ht="20.100000000000001" customHeight="1"/>
    <row r="39" ht="20.100000000000001" customHeight="1"/>
    <row r="40" ht="20.100000000000001" customHeight="1"/>
    <row r="41" ht="20.100000000000001" customHeight="1"/>
    <row r="42" ht="20.100000000000001" customHeight="1"/>
    <row r="43" ht="20.100000000000001" customHeight="1"/>
    <row r="44" ht="20.100000000000001" customHeight="1"/>
    <row r="45" ht="20.100000000000001" customHeight="1"/>
    <row r="46" ht="20.100000000000001" customHeight="1"/>
    <row r="47" ht="20.100000000000001" customHeight="1"/>
    <row r="48" ht="20.100000000000001" customHeight="1"/>
    <row r="49" ht="20.100000000000001" customHeight="1"/>
    <row r="50" ht="20.100000000000001" customHeight="1"/>
    <row r="51" ht="20.100000000000001" customHeight="1"/>
    <row r="52" ht="20.100000000000001" customHeight="1"/>
    <row r="53" ht="20.100000000000001" customHeight="1"/>
    <row r="54" ht="20.100000000000001" customHeight="1"/>
    <row r="55" ht="20.100000000000001" customHeight="1"/>
    <row r="56" ht="20.100000000000001" customHeight="1"/>
  </sheetData>
  <mergeCells count="2">
    <mergeCell ref="A2:C2"/>
    <mergeCell ref="A5:C5"/>
  </mergeCells>
  <phoneticPr fontId="1"/>
  <pageMargins left="0.74803149606299213" right="0.74803149606299213" top="0.98425196850393704" bottom="0.98425196850393704" header="0.51181102362204722" footer="0.51181102362204722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61"/>
  <sheetViews>
    <sheetView workbookViewId="0">
      <selection activeCell="G2" sqref="G2"/>
    </sheetView>
  </sheetViews>
  <sheetFormatPr defaultRowHeight="13.2"/>
  <cols>
    <col min="1" max="1" width="10.6640625" customWidth="1"/>
    <col min="2" max="2" width="5.6640625" customWidth="1"/>
    <col min="3" max="3" width="10.6640625" customWidth="1"/>
    <col min="4" max="5" width="5.6640625" customWidth="1"/>
    <col min="6" max="10" width="10.6640625" customWidth="1"/>
  </cols>
  <sheetData>
    <row r="1" spans="1:9" ht="20.100000000000001" customHeight="1"/>
    <row r="2" spans="1:9" ht="20.100000000000001" customHeight="1">
      <c r="A2" s="122" t="s">
        <v>68</v>
      </c>
      <c r="B2" s="123"/>
      <c r="C2" s="123"/>
      <c r="D2" s="123"/>
      <c r="E2" s="123"/>
      <c r="F2" s="123"/>
      <c r="G2" s="123"/>
      <c r="H2" s="123"/>
      <c r="I2" s="123"/>
    </row>
    <row r="3" spans="1:9" ht="20.100000000000001" customHeight="1">
      <c r="A3" s="123"/>
      <c r="B3" s="123"/>
      <c r="C3" s="123"/>
      <c r="D3" s="123"/>
      <c r="E3" s="123"/>
      <c r="F3" s="123"/>
      <c r="G3" s="123"/>
      <c r="H3" s="123"/>
      <c r="I3" s="123"/>
    </row>
    <row r="4" spans="1:9" ht="20.100000000000001" customHeight="1">
      <c r="A4" s="123"/>
      <c r="B4" s="123"/>
      <c r="C4" s="123"/>
      <c r="D4" s="123"/>
      <c r="E4" s="123"/>
      <c r="F4" s="124"/>
      <c r="G4" s="123"/>
      <c r="H4" s="123"/>
      <c r="I4" s="123"/>
    </row>
    <row r="5" spans="1:9" ht="20.100000000000001" customHeight="1">
      <c r="A5" s="123"/>
      <c r="B5" s="114" t="s">
        <v>69</v>
      </c>
      <c r="C5" s="125"/>
      <c r="D5" s="125"/>
      <c r="E5" s="125"/>
      <c r="F5" s="123"/>
      <c r="G5" s="119"/>
      <c r="H5" s="123"/>
      <c r="I5" s="123"/>
    </row>
    <row r="6" spans="1:9" ht="20.100000000000001" customHeight="1">
      <c r="A6" s="123"/>
      <c r="B6" s="119"/>
      <c r="C6" s="123" t="s">
        <v>1</v>
      </c>
      <c r="D6" s="123"/>
      <c r="E6" s="123"/>
      <c r="F6" s="123"/>
      <c r="G6" s="119"/>
      <c r="H6" s="123"/>
      <c r="I6" s="123"/>
    </row>
    <row r="7" spans="1:9" ht="20.100000000000001" customHeight="1">
      <c r="A7" s="123"/>
      <c r="B7" s="119"/>
      <c r="C7" s="123" t="s">
        <v>70</v>
      </c>
      <c r="D7" s="123"/>
      <c r="E7" s="123"/>
      <c r="F7" s="123"/>
      <c r="G7" s="119"/>
      <c r="H7" s="123"/>
      <c r="I7" s="123"/>
    </row>
    <row r="8" spans="1:9" ht="20.100000000000001" customHeight="1">
      <c r="A8" s="123"/>
      <c r="B8" s="119" t="s">
        <v>2</v>
      </c>
      <c r="C8" s="123"/>
      <c r="D8" s="123"/>
      <c r="E8" s="123"/>
      <c r="F8" s="120"/>
      <c r="G8" s="123"/>
      <c r="H8" s="123"/>
      <c r="I8" s="123"/>
    </row>
    <row r="9" spans="1:9" ht="20.100000000000001" customHeight="1">
      <c r="A9" s="123"/>
      <c r="B9" s="109"/>
      <c r="C9" s="124" t="s">
        <v>3</v>
      </c>
      <c r="D9" s="124"/>
      <c r="E9" s="124"/>
      <c r="F9" s="123"/>
      <c r="G9" s="119"/>
      <c r="H9" s="123"/>
      <c r="I9" s="123"/>
    </row>
    <row r="10" spans="1:9" ht="20.100000000000001" customHeight="1">
      <c r="A10" s="123"/>
      <c r="B10" s="123"/>
      <c r="C10" s="114"/>
      <c r="D10" s="123"/>
      <c r="E10" s="123"/>
      <c r="F10" s="125"/>
      <c r="G10" s="123"/>
      <c r="H10" s="123"/>
      <c r="I10" s="123"/>
    </row>
    <row r="11" spans="1:9" ht="20.100000000000001" customHeight="1">
      <c r="A11" s="123"/>
      <c r="B11" s="120"/>
      <c r="C11" s="123"/>
      <c r="D11" s="123"/>
      <c r="E11" s="123"/>
      <c r="F11" s="123"/>
      <c r="G11" s="123"/>
      <c r="H11" s="123"/>
      <c r="I11" s="123"/>
    </row>
    <row r="12" spans="1:9" ht="20.100000000000001" customHeight="1">
      <c r="A12" s="123"/>
      <c r="B12" s="123"/>
      <c r="C12" s="119"/>
      <c r="D12" s="123"/>
      <c r="E12" s="123"/>
      <c r="F12" s="123"/>
      <c r="G12" s="123"/>
      <c r="H12" s="123"/>
      <c r="I12" s="123"/>
    </row>
    <row r="13" spans="1:9" ht="20.100000000000001" customHeight="1">
      <c r="A13" s="123"/>
      <c r="B13" s="123"/>
      <c r="C13" s="126"/>
      <c r="D13" s="114" t="s">
        <v>4</v>
      </c>
      <c r="E13" s="125"/>
      <c r="F13" s="125"/>
      <c r="G13" s="125"/>
      <c r="H13" s="115"/>
      <c r="I13" s="123"/>
    </row>
    <row r="14" spans="1:9" ht="20.100000000000001" customHeight="1">
      <c r="A14" s="123"/>
      <c r="B14" s="123"/>
      <c r="C14" s="126"/>
      <c r="D14" s="119"/>
      <c r="E14" s="123" t="s">
        <v>69</v>
      </c>
      <c r="F14" s="123"/>
      <c r="G14" s="123"/>
      <c r="H14" s="120"/>
      <c r="I14" s="123"/>
    </row>
    <row r="15" spans="1:9" ht="20.100000000000001" customHeight="1">
      <c r="A15" s="123"/>
      <c r="B15" s="123"/>
      <c r="C15" s="127"/>
      <c r="D15" s="119"/>
      <c r="E15" s="123"/>
      <c r="F15" s="123" t="s">
        <v>1</v>
      </c>
      <c r="G15" s="123"/>
      <c r="H15" s="120"/>
      <c r="I15" s="123"/>
    </row>
    <row r="16" spans="1:9" ht="20.100000000000001" customHeight="1">
      <c r="A16" s="123"/>
      <c r="B16" s="123"/>
      <c r="C16" s="128"/>
      <c r="D16" s="119"/>
      <c r="E16" s="123"/>
      <c r="F16" s="123" t="s">
        <v>70</v>
      </c>
      <c r="G16" s="123"/>
      <c r="H16" s="120"/>
      <c r="I16" s="123"/>
    </row>
    <row r="17" spans="1:9" ht="20.100000000000001" customHeight="1">
      <c r="A17" s="123"/>
      <c r="B17" s="123"/>
      <c r="C17" s="126"/>
      <c r="D17" s="119"/>
      <c r="E17" s="123" t="s">
        <v>5</v>
      </c>
      <c r="F17" s="123"/>
      <c r="G17" s="123"/>
      <c r="H17" s="120"/>
      <c r="I17" s="123"/>
    </row>
    <row r="18" spans="1:9" ht="20.100000000000001" customHeight="1">
      <c r="A18" s="123"/>
      <c r="B18" s="123"/>
      <c r="C18" s="126"/>
      <c r="D18" s="109"/>
      <c r="E18" s="124"/>
      <c r="F18" s="124" t="s">
        <v>3</v>
      </c>
      <c r="G18" s="124"/>
      <c r="H18" s="110"/>
      <c r="I18" s="123"/>
    </row>
    <row r="19" spans="1:9" ht="20.100000000000001" customHeight="1">
      <c r="A19" s="123"/>
      <c r="B19" s="123"/>
      <c r="C19" s="119"/>
      <c r="D19" s="123"/>
      <c r="E19" s="123"/>
      <c r="F19" s="123"/>
      <c r="G19" s="123"/>
      <c r="H19" s="123"/>
      <c r="I19" s="123"/>
    </row>
    <row r="20" spans="1:9" ht="20.100000000000001" customHeight="1">
      <c r="A20" s="123"/>
      <c r="B20" s="123"/>
      <c r="C20" s="119"/>
      <c r="D20" s="123"/>
      <c r="E20" s="123"/>
      <c r="F20" s="123"/>
      <c r="G20" s="123"/>
      <c r="H20" s="123"/>
      <c r="I20" s="123"/>
    </row>
    <row r="21" spans="1:9" ht="20.100000000000001" customHeight="1">
      <c r="A21" s="123"/>
      <c r="B21" s="123"/>
      <c r="C21" s="126"/>
      <c r="D21" s="114" t="s">
        <v>6</v>
      </c>
      <c r="E21" s="125"/>
      <c r="F21" s="125"/>
      <c r="G21" s="125"/>
      <c r="H21" s="115"/>
      <c r="I21" s="123"/>
    </row>
    <row r="22" spans="1:9" ht="20.100000000000001" customHeight="1">
      <c r="A22" s="123"/>
      <c r="B22" s="120"/>
      <c r="C22" s="123"/>
      <c r="D22" s="119"/>
      <c r="E22" s="123" t="s">
        <v>69</v>
      </c>
      <c r="F22" s="123"/>
      <c r="G22" s="123"/>
      <c r="H22" s="120"/>
      <c r="I22" s="123"/>
    </row>
    <row r="23" spans="1:9" ht="20.100000000000001" customHeight="1">
      <c r="A23" s="123"/>
      <c r="B23" s="123"/>
      <c r="C23" s="126"/>
      <c r="D23" s="119"/>
      <c r="E23" s="123"/>
      <c r="F23" s="123" t="s">
        <v>1</v>
      </c>
      <c r="G23" s="123"/>
      <c r="H23" s="120"/>
      <c r="I23" s="123"/>
    </row>
    <row r="24" spans="1:9" ht="20.100000000000001" customHeight="1">
      <c r="A24" s="123"/>
      <c r="B24" s="120"/>
      <c r="C24" s="115"/>
      <c r="D24" s="119"/>
      <c r="E24" s="123"/>
      <c r="F24" s="123" t="s">
        <v>70</v>
      </c>
      <c r="G24" s="123"/>
      <c r="H24" s="120"/>
      <c r="I24" s="123"/>
    </row>
    <row r="25" spans="1:9" ht="20.100000000000001" customHeight="1">
      <c r="A25" s="123"/>
      <c r="B25" s="120"/>
      <c r="C25" s="123"/>
      <c r="D25" s="119"/>
      <c r="E25" s="123" t="s">
        <v>5</v>
      </c>
      <c r="F25" s="123"/>
      <c r="G25" s="123"/>
      <c r="H25" s="120"/>
      <c r="I25" s="123"/>
    </row>
    <row r="26" spans="1:9" ht="20.100000000000001" customHeight="1">
      <c r="A26" s="123"/>
      <c r="B26" s="123"/>
      <c r="C26" s="126"/>
      <c r="D26" s="109"/>
      <c r="E26" s="124"/>
      <c r="F26" s="124" t="s">
        <v>3</v>
      </c>
      <c r="G26" s="124"/>
      <c r="H26" s="110"/>
      <c r="I26" s="123"/>
    </row>
    <row r="27" spans="1:9" ht="20.100000000000001" customHeight="1">
      <c r="A27" s="123"/>
      <c r="B27" s="123"/>
      <c r="C27" s="119"/>
      <c r="D27" s="123"/>
      <c r="E27" s="123"/>
      <c r="F27" s="123"/>
      <c r="G27" s="123"/>
      <c r="H27" s="123"/>
      <c r="I27" s="123"/>
    </row>
    <row r="28" spans="1:9" ht="20.100000000000001" customHeight="1">
      <c r="A28" s="123"/>
      <c r="B28" s="123"/>
      <c r="C28" s="119"/>
      <c r="D28" s="123"/>
      <c r="E28" s="123"/>
      <c r="F28" s="123"/>
      <c r="G28" s="123"/>
      <c r="H28" s="123"/>
      <c r="I28" s="123"/>
    </row>
    <row r="29" spans="1:9" ht="20.100000000000001" customHeight="1">
      <c r="A29" s="123"/>
      <c r="B29" s="120"/>
      <c r="C29" s="123"/>
      <c r="D29" s="114" t="s">
        <v>7</v>
      </c>
      <c r="E29" s="125"/>
      <c r="F29" s="125"/>
      <c r="G29" s="125"/>
      <c r="H29" s="115"/>
      <c r="I29" s="123"/>
    </row>
    <row r="30" spans="1:9" ht="20.100000000000001" customHeight="1">
      <c r="A30" s="123"/>
      <c r="B30" s="123"/>
      <c r="C30" s="126"/>
      <c r="D30" s="119"/>
      <c r="E30" s="123" t="s">
        <v>69</v>
      </c>
      <c r="F30" s="123"/>
      <c r="G30" s="123"/>
      <c r="H30" s="120"/>
      <c r="I30" s="123"/>
    </row>
    <row r="31" spans="1:9" ht="20.100000000000001" customHeight="1">
      <c r="A31" s="123"/>
      <c r="B31" s="123"/>
      <c r="C31" s="126"/>
      <c r="D31" s="119"/>
      <c r="E31" s="123"/>
      <c r="F31" s="123" t="s">
        <v>1</v>
      </c>
      <c r="G31" s="123"/>
      <c r="H31" s="120"/>
      <c r="I31" s="123"/>
    </row>
    <row r="32" spans="1:9" ht="20.100000000000001" customHeight="1">
      <c r="A32" s="123"/>
      <c r="B32" s="123"/>
      <c r="C32" s="115"/>
      <c r="D32" s="119"/>
      <c r="E32" s="123"/>
      <c r="F32" s="123" t="s">
        <v>70</v>
      </c>
      <c r="G32" s="123"/>
      <c r="H32" s="120"/>
      <c r="I32" s="123"/>
    </row>
    <row r="33" spans="1:9" ht="20.100000000000001" customHeight="1">
      <c r="A33" s="123"/>
      <c r="B33" s="123"/>
      <c r="C33" s="123"/>
      <c r="D33" s="119"/>
      <c r="E33" s="123" t="s">
        <v>5</v>
      </c>
      <c r="F33" s="123"/>
      <c r="G33" s="123"/>
      <c r="H33" s="120"/>
      <c r="I33" s="123"/>
    </row>
    <row r="34" spans="1:9" ht="20.100000000000001" customHeight="1">
      <c r="A34" s="123"/>
      <c r="B34" s="123"/>
      <c r="C34" s="123"/>
      <c r="D34" s="109"/>
      <c r="E34" s="124"/>
      <c r="F34" s="124" t="s">
        <v>3</v>
      </c>
      <c r="G34" s="124"/>
      <c r="H34" s="110"/>
      <c r="I34" s="123"/>
    </row>
    <row r="35" spans="1:9" ht="20.100000000000001" customHeight="1">
      <c r="A35" s="123"/>
      <c r="B35" s="123"/>
      <c r="C35" s="123"/>
      <c r="D35" s="123"/>
      <c r="E35" s="123"/>
      <c r="F35" s="123"/>
      <c r="G35" s="123"/>
      <c r="H35" s="123"/>
      <c r="I35" s="123"/>
    </row>
    <row r="36" spans="1:9" ht="20.100000000000001" customHeight="1"/>
    <row r="37" spans="1:9" ht="20.100000000000001" customHeight="1"/>
    <row r="38" spans="1:9" ht="20.100000000000001" customHeight="1"/>
    <row r="39" spans="1:9" ht="20.100000000000001" customHeight="1"/>
    <row r="40" spans="1:9" ht="20.100000000000001" customHeight="1"/>
    <row r="41" spans="1:9" ht="20.100000000000001" customHeight="1"/>
    <row r="42" spans="1:9" ht="30" customHeight="1"/>
    <row r="43" spans="1:9" ht="30" customHeight="1"/>
    <row r="44" spans="1:9" ht="30" customHeight="1"/>
    <row r="45" spans="1:9" ht="30" customHeight="1"/>
    <row r="46" spans="1:9" ht="30" customHeight="1"/>
    <row r="47" spans="1:9" ht="30" customHeight="1"/>
    <row r="48" spans="1:9" ht="30" customHeight="1"/>
    <row r="49" ht="30" customHeight="1"/>
    <row r="50" ht="30" customHeight="1"/>
    <row r="51" ht="30" customHeight="1"/>
    <row r="52" ht="30" customHeight="1"/>
    <row r="53" ht="30" customHeight="1"/>
    <row r="54" ht="30" customHeight="1"/>
    <row r="55" ht="30" customHeight="1"/>
    <row r="56" ht="30" customHeight="1"/>
    <row r="57" ht="30" customHeight="1"/>
    <row r="58" ht="30" customHeight="1"/>
    <row r="59" ht="30" customHeight="1"/>
    <row r="60" ht="30" customHeight="1"/>
    <row r="61" ht="30" customHeight="1"/>
  </sheetData>
  <phoneticPr fontId="1"/>
  <pageMargins left="0.74803149606299213" right="0.74803149606299213" top="0.98425196850393704" bottom="0.98425196850393704" header="0.51181102362204722" footer="0.51181102362204722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AR326"/>
  <sheetViews>
    <sheetView view="pageBreakPreview" topLeftCell="A33" zoomScaleNormal="75" zoomScaleSheetLayoutView="100" workbookViewId="0">
      <selection activeCell="E17" sqref="E17"/>
    </sheetView>
  </sheetViews>
  <sheetFormatPr defaultColWidth="8" defaultRowHeight="12"/>
  <cols>
    <col min="1" max="1" width="1.6640625" style="2" customWidth="1"/>
    <col min="2" max="2" width="2.88671875" style="2" customWidth="1"/>
    <col min="3" max="3" width="5" style="2" customWidth="1"/>
    <col min="4" max="4" width="16.33203125" style="2" customWidth="1"/>
    <col min="5" max="5" width="9.88671875" style="2" customWidth="1"/>
    <col min="6" max="6" width="16.33203125" style="2" customWidth="1"/>
    <col min="7" max="7" width="50.44140625" style="2" customWidth="1"/>
    <col min="8" max="8" width="6.33203125" style="2" customWidth="1"/>
    <col min="9" max="24" width="2.33203125" style="2" customWidth="1"/>
    <col min="25" max="25" width="2.21875" style="2" customWidth="1"/>
    <col min="26" max="44" width="2.33203125" style="2" customWidth="1"/>
    <col min="45" max="54" width="4" style="2" customWidth="1"/>
    <col min="55" max="16384" width="8" style="2"/>
  </cols>
  <sheetData>
    <row r="1" spans="2:44">
      <c r="AN1" s="140"/>
      <c r="AO1" s="140"/>
      <c r="AP1" s="140"/>
      <c r="AQ1" s="140"/>
    </row>
    <row r="2" spans="2:44" ht="16.2">
      <c r="B2" s="3" t="s">
        <v>71</v>
      </c>
    </row>
    <row r="3" spans="2:44" ht="12" customHeight="1">
      <c r="B3" s="4"/>
      <c r="G3" s="5"/>
    </row>
    <row r="4" spans="2:44" ht="14.4">
      <c r="B4" s="5" t="s">
        <v>72</v>
      </c>
    </row>
    <row r="5" spans="2:44" ht="12" customHeight="1" thickBot="1">
      <c r="B5" s="5"/>
    </row>
    <row r="6" spans="2:44">
      <c r="B6" s="145" t="s">
        <v>76</v>
      </c>
      <c r="C6" s="146"/>
      <c r="D6" s="147"/>
      <c r="E6" s="143" t="s">
        <v>77</v>
      </c>
      <c r="F6" s="143" t="s">
        <v>113</v>
      </c>
      <c r="G6" s="143" t="s">
        <v>19</v>
      </c>
      <c r="H6" s="143" t="s">
        <v>20</v>
      </c>
      <c r="I6" s="151" t="s">
        <v>21</v>
      </c>
      <c r="J6" s="152"/>
      <c r="K6" s="153"/>
      <c r="L6" s="151" t="s">
        <v>8</v>
      </c>
      <c r="M6" s="152"/>
      <c r="N6" s="153"/>
      <c r="O6" s="151" t="s">
        <v>9</v>
      </c>
      <c r="P6" s="152"/>
      <c r="Q6" s="153"/>
      <c r="R6" s="151" t="s">
        <v>10</v>
      </c>
      <c r="S6" s="152"/>
      <c r="T6" s="153"/>
      <c r="U6" s="151" t="s">
        <v>11</v>
      </c>
      <c r="V6" s="152"/>
      <c r="W6" s="153"/>
      <c r="X6" s="151" t="s">
        <v>12</v>
      </c>
      <c r="Y6" s="152"/>
      <c r="Z6" s="153"/>
      <c r="AA6" s="151" t="s">
        <v>13</v>
      </c>
      <c r="AB6" s="152"/>
      <c r="AC6" s="153"/>
      <c r="AD6" s="151" t="s">
        <v>14</v>
      </c>
      <c r="AE6" s="152"/>
      <c r="AF6" s="153"/>
      <c r="AG6" s="151" t="s">
        <v>15</v>
      </c>
      <c r="AH6" s="152"/>
      <c r="AI6" s="153"/>
      <c r="AJ6" s="151" t="s">
        <v>16</v>
      </c>
      <c r="AK6" s="152"/>
      <c r="AL6" s="153"/>
      <c r="AM6" s="151" t="s">
        <v>17</v>
      </c>
      <c r="AN6" s="152"/>
      <c r="AO6" s="153"/>
      <c r="AP6" s="151" t="s">
        <v>18</v>
      </c>
      <c r="AQ6" s="152"/>
      <c r="AR6" s="154"/>
    </row>
    <row r="7" spans="2:44" ht="14.25" customHeight="1" thickBot="1">
      <c r="B7" s="148"/>
      <c r="C7" s="149"/>
      <c r="D7" s="150"/>
      <c r="E7" s="144"/>
      <c r="F7" s="144"/>
      <c r="G7" s="144"/>
      <c r="H7" s="144"/>
      <c r="I7" s="6" t="s">
        <v>22</v>
      </c>
      <c r="J7" s="7" t="s">
        <v>23</v>
      </c>
      <c r="K7" s="8" t="s">
        <v>24</v>
      </c>
      <c r="L7" s="6" t="s">
        <v>22</v>
      </c>
      <c r="M7" s="7" t="s">
        <v>23</v>
      </c>
      <c r="N7" s="9" t="s">
        <v>24</v>
      </c>
      <c r="O7" s="6" t="s">
        <v>22</v>
      </c>
      <c r="P7" s="7" t="s">
        <v>23</v>
      </c>
      <c r="Q7" s="9" t="s">
        <v>24</v>
      </c>
      <c r="R7" s="6" t="s">
        <v>22</v>
      </c>
      <c r="S7" s="7" t="s">
        <v>23</v>
      </c>
      <c r="T7" s="9" t="s">
        <v>24</v>
      </c>
      <c r="U7" s="6" t="s">
        <v>22</v>
      </c>
      <c r="V7" s="7" t="s">
        <v>23</v>
      </c>
      <c r="W7" s="9" t="s">
        <v>24</v>
      </c>
      <c r="X7" s="6" t="s">
        <v>22</v>
      </c>
      <c r="Y7" s="7" t="s">
        <v>23</v>
      </c>
      <c r="Z7" s="9" t="s">
        <v>24</v>
      </c>
      <c r="AA7" s="6" t="s">
        <v>22</v>
      </c>
      <c r="AB7" s="7" t="s">
        <v>23</v>
      </c>
      <c r="AC7" s="9" t="s">
        <v>24</v>
      </c>
      <c r="AD7" s="6" t="s">
        <v>22</v>
      </c>
      <c r="AE7" s="7" t="s">
        <v>23</v>
      </c>
      <c r="AF7" s="9" t="s">
        <v>24</v>
      </c>
      <c r="AG7" s="6" t="s">
        <v>22</v>
      </c>
      <c r="AH7" s="7" t="s">
        <v>23</v>
      </c>
      <c r="AI7" s="9" t="s">
        <v>24</v>
      </c>
      <c r="AJ7" s="6" t="s">
        <v>22</v>
      </c>
      <c r="AK7" s="7" t="s">
        <v>23</v>
      </c>
      <c r="AL7" s="9" t="s">
        <v>24</v>
      </c>
      <c r="AM7" s="6" t="s">
        <v>22</v>
      </c>
      <c r="AN7" s="7" t="s">
        <v>23</v>
      </c>
      <c r="AO7" s="9" t="s">
        <v>24</v>
      </c>
      <c r="AP7" s="6" t="s">
        <v>22</v>
      </c>
      <c r="AQ7" s="7" t="s">
        <v>23</v>
      </c>
      <c r="AR7" s="10" t="s">
        <v>24</v>
      </c>
    </row>
    <row r="8" spans="2:44" s="16" customFormat="1" ht="13.35" customHeight="1">
      <c r="B8" s="11" t="s">
        <v>25</v>
      </c>
      <c r="C8" s="12"/>
      <c r="D8" s="12"/>
      <c r="E8" s="12"/>
      <c r="F8" s="12"/>
      <c r="G8" s="12"/>
      <c r="H8" s="13"/>
      <c r="I8" s="14"/>
      <c r="J8" s="13"/>
      <c r="K8" s="13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5"/>
    </row>
    <row r="9" spans="2:44" s="16" customFormat="1" ht="13.35" customHeight="1">
      <c r="B9" s="17"/>
      <c r="C9" s="141" t="s">
        <v>26</v>
      </c>
      <c r="D9" s="142"/>
      <c r="E9" s="18" t="s">
        <v>27</v>
      </c>
      <c r="F9" s="19" t="s">
        <v>28</v>
      </c>
      <c r="G9" s="20" t="s">
        <v>29</v>
      </c>
      <c r="H9" s="21" t="s">
        <v>73</v>
      </c>
      <c r="I9" s="22"/>
      <c r="J9" s="22"/>
      <c r="K9" s="22"/>
      <c r="L9" s="22"/>
      <c r="M9" s="22"/>
      <c r="N9" s="22"/>
      <c r="O9" s="22"/>
      <c r="P9" s="22"/>
      <c r="Q9" s="24"/>
      <c r="R9" s="22"/>
      <c r="S9" s="22"/>
      <c r="T9" s="23"/>
      <c r="U9" s="22"/>
      <c r="V9" s="22"/>
      <c r="W9" s="22"/>
      <c r="X9" s="22"/>
      <c r="Y9" s="22"/>
      <c r="Z9" s="22"/>
      <c r="AA9" s="22"/>
      <c r="AB9" s="22"/>
      <c r="AC9" s="22"/>
      <c r="AD9" s="22"/>
      <c r="AE9" s="22"/>
      <c r="AF9" s="22"/>
      <c r="AG9" s="22"/>
      <c r="AH9" s="22"/>
      <c r="AI9" s="22"/>
      <c r="AJ9" s="22"/>
      <c r="AK9" s="22"/>
      <c r="AL9" s="23"/>
      <c r="AM9" s="22"/>
      <c r="AN9" s="22"/>
      <c r="AO9" s="22"/>
      <c r="AP9" s="22"/>
      <c r="AQ9" s="22"/>
      <c r="AR9" s="22"/>
    </row>
    <row r="10" spans="2:44" s="16" customFormat="1" ht="13.35" customHeight="1">
      <c r="B10" s="17"/>
      <c r="C10" s="25" t="s">
        <v>30</v>
      </c>
      <c r="D10" s="26"/>
      <c r="E10" s="26"/>
      <c r="F10" s="22" t="s">
        <v>74</v>
      </c>
      <c r="G10" s="20" t="s">
        <v>31</v>
      </c>
      <c r="H10" s="27" t="s">
        <v>75</v>
      </c>
      <c r="I10" s="22"/>
      <c r="J10" s="22"/>
      <c r="K10" s="23"/>
      <c r="L10" s="22"/>
      <c r="M10" s="22"/>
      <c r="N10" s="23"/>
      <c r="O10" s="22"/>
      <c r="P10" s="22"/>
      <c r="Q10" s="23"/>
      <c r="R10" s="22"/>
      <c r="S10" s="22"/>
      <c r="T10" s="23"/>
      <c r="U10" s="22"/>
      <c r="V10" s="22"/>
      <c r="W10" s="23"/>
      <c r="X10" s="22"/>
      <c r="Y10" s="22"/>
      <c r="Z10" s="23"/>
      <c r="AA10" s="22"/>
      <c r="AB10" s="22"/>
      <c r="AC10" s="23"/>
      <c r="AD10" s="22"/>
      <c r="AE10" s="22"/>
      <c r="AF10" s="23"/>
      <c r="AG10" s="22"/>
      <c r="AH10" s="22"/>
      <c r="AI10" s="23"/>
      <c r="AJ10" s="22"/>
      <c r="AK10" s="22"/>
      <c r="AL10" s="23"/>
      <c r="AM10" s="22"/>
      <c r="AN10" s="22"/>
      <c r="AO10" s="23"/>
      <c r="AP10" s="22"/>
      <c r="AQ10" s="22"/>
      <c r="AR10" s="23"/>
    </row>
    <row r="11" spans="2:44" s="16" customFormat="1" ht="13.35" customHeight="1">
      <c r="B11" s="17"/>
      <c r="C11" s="31"/>
      <c r="D11" s="31"/>
      <c r="E11" s="31"/>
      <c r="F11" s="31"/>
      <c r="G11" s="32"/>
      <c r="H11" s="33"/>
      <c r="I11" s="31"/>
      <c r="J11" s="31"/>
      <c r="K11" s="31"/>
      <c r="L11" s="31"/>
      <c r="M11" s="31"/>
      <c r="N11" s="31"/>
      <c r="O11" s="31"/>
      <c r="P11" s="31"/>
      <c r="Q11" s="31"/>
      <c r="R11" s="31"/>
      <c r="S11" s="31"/>
      <c r="T11" s="31"/>
      <c r="U11" s="31"/>
      <c r="V11" s="31"/>
      <c r="W11" s="31"/>
      <c r="X11" s="31"/>
      <c r="Y11" s="31"/>
      <c r="Z11" s="31"/>
      <c r="AA11" s="31"/>
      <c r="AB11" s="31"/>
      <c r="AC11" s="31"/>
      <c r="AD11" s="31"/>
      <c r="AE11" s="31"/>
      <c r="AF11" s="31"/>
      <c r="AG11" s="31"/>
      <c r="AH11" s="31"/>
      <c r="AI11" s="31"/>
      <c r="AJ11" s="31"/>
      <c r="AK11" s="31"/>
      <c r="AL11" s="31"/>
      <c r="AM11" s="31"/>
      <c r="AN11" s="31"/>
      <c r="AO11" s="31"/>
      <c r="AP11" s="31"/>
      <c r="AQ11" s="31"/>
      <c r="AR11" s="34"/>
    </row>
    <row r="12" spans="2:44" s="16" customFormat="1" ht="13.35" customHeight="1">
      <c r="B12" s="17"/>
      <c r="C12" s="31"/>
      <c r="D12" s="31"/>
      <c r="E12" s="31"/>
      <c r="F12" s="31"/>
      <c r="G12" s="32"/>
      <c r="H12" s="33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  <c r="AD12" s="31"/>
      <c r="AE12" s="31"/>
      <c r="AF12" s="31"/>
      <c r="AG12" s="31"/>
      <c r="AH12" s="31"/>
      <c r="AI12" s="31"/>
      <c r="AJ12" s="31"/>
      <c r="AK12" s="31"/>
      <c r="AL12" s="31"/>
      <c r="AM12" s="31"/>
      <c r="AN12" s="31"/>
      <c r="AO12" s="31"/>
      <c r="AP12" s="31"/>
      <c r="AQ12" s="31"/>
      <c r="AR12" s="34"/>
    </row>
    <row r="13" spans="2:44" s="16" customFormat="1" ht="13.35" customHeight="1">
      <c r="B13" s="17"/>
      <c r="C13" s="31"/>
      <c r="D13" s="31"/>
      <c r="E13" s="31"/>
      <c r="F13" s="31"/>
      <c r="G13" s="32"/>
      <c r="H13" s="33"/>
      <c r="I13" s="31"/>
      <c r="J13" s="31"/>
      <c r="K13" s="31"/>
      <c r="L13" s="31"/>
      <c r="M13" s="31"/>
      <c r="N13" s="31"/>
      <c r="O13" s="31"/>
      <c r="P13" s="31"/>
      <c r="Q13" s="31"/>
      <c r="R13" s="31"/>
      <c r="S13" s="31"/>
      <c r="T13" s="31"/>
      <c r="U13" s="31"/>
      <c r="V13" s="31"/>
      <c r="W13" s="31"/>
      <c r="X13" s="31"/>
      <c r="Y13" s="31"/>
      <c r="Z13" s="31"/>
      <c r="AA13" s="31"/>
      <c r="AB13" s="31"/>
      <c r="AC13" s="31"/>
      <c r="AD13" s="31"/>
      <c r="AE13" s="31"/>
      <c r="AF13" s="31"/>
      <c r="AG13" s="31"/>
      <c r="AH13" s="31"/>
      <c r="AI13" s="31"/>
      <c r="AJ13" s="31"/>
      <c r="AK13" s="31"/>
      <c r="AL13" s="31"/>
      <c r="AM13" s="31"/>
      <c r="AN13" s="31"/>
      <c r="AO13" s="31"/>
      <c r="AP13" s="31"/>
      <c r="AQ13" s="31"/>
      <c r="AR13" s="34"/>
    </row>
    <row r="14" spans="2:44" s="16" customFormat="1" ht="13.35" customHeight="1">
      <c r="B14" s="17"/>
      <c r="C14" s="31"/>
      <c r="D14" s="31"/>
      <c r="E14" s="31"/>
      <c r="F14" s="31"/>
      <c r="G14" s="32"/>
      <c r="H14" s="33"/>
      <c r="I14" s="31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31"/>
      <c r="V14" s="31"/>
      <c r="W14" s="31"/>
      <c r="X14" s="31"/>
      <c r="Y14" s="31"/>
      <c r="Z14" s="31"/>
      <c r="AA14" s="31"/>
      <c r="AB14" s="31"/>
      <c r="AC14" s="31"/>
      <c r="AD14" s="31"/>
      <c r="AE14" s="31"/>
      <c r="AF14" s="31"/>
      <c r="AG14" s="31"/>
      <c r="AH14" s="31"/>
      <c r="AI14" s="31"/>
      <c r="AJ14" s="31"/>
      <c r="AK14" s="31"/>
      <c r="AL14" s="31"/>
      <c r="AM14" s="31"/>
      <c r="AN14" s="31"/>
      <c r="AO14" s="31"/>
      <c r="AP14" s="31"/>
      <c r="AQ14" s="31"/>
      <c r="AR14" s="34"/>
    </row>
    <row r="15" spans="2:44" s="16" customFormat="1" ht="13.35" customHeight="1">
      <c r="B15" s="17"/>
      <c r="C15" s="31"/>
      <c r="D15" s="31"/>
      <c r="E15" s="31"/>
      <c r="F15" s="31"/>
      <c r="G15" s="32"/>
      <c r="H15" s="33"/>
      <c r="I15" s="31"/>
      <c r="J15" s="31"/>
      <c r="K15" s="31"/>
      <c r="L15" s="31"/>
      <c r="M15" s="31"/>
      <c r="N15" s="31"/>
      <c r="O15" s="31"/>
      <c r="P15" s="31"/>
      <c r="Q15" s="31"/>
      <c r="R15" s="31"/>
      <c r="S15" s="31"/>
      <c r="T15" s="31"/>
      <c r="U15" s="31"/>
      <c r="V15" s="31"/>
      <c r="W15" s="31"/>
      <c r="X15" s="31"/>
      <c r="Y15" s="31"/>
      <c r="Z15" s="31"/>
      <c r="AA15" s="31"/>
      <c r="AB15" s="31"/>
      <c r="AC15" s="31"/>
      <c r="AD15" s="31"/>
      <c r="AE15" s="31"/>
      <c r="AF15" s="31"/>
      <c r="AG15" s="31"/>
      <c r="AH15" s="31"/>
      <c r="AI15" s="31"/>
      <c r="AJ15" s="31"/>
      <c r="AK15" s="31"/>
      <c r="AL15" s="31"/>
      <c r="AM15" s="31"/>
      <c r="AN15" s="31"/>
      <c r="AO15" s="31"/>
      <c r="AP15" s="31"/>
      <c r="AQ15" s="31"/>
      <c r="AR15" s="34"/>
    </row>
    <row r="16" spans="2:44" s="16" customFormat="1" ht="13.35" customHeight="1">
      <c r="B16" s="17"/>
      <c r="C16" s="31"/>
      <c r="D16" s="31"/>
      <c r="E16" s="31"/>
      <c r="F16" s="31"/>
      <c r="G16" s="32"/>
      <c r="H16" s="33"/>
      <c r="I16" s="31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1"/>
      <c r="AE16" s="31"/>
      <c r="AF16" s="31"/>
      <c r="AG16" s="31"/>
      <c r="AH16" s="31"/>
      <c r="AI16" s="31"/>
      <c r="AJ16" s="31"/>
      <c r="AK16" s="31"/>
      <c r="AL16" s="31"/>
      <c r="AM16" s="31"/>
      <c r="AN16" s="31"/>
      <c r="AO16" s="31"/>
      <c r="AP16" s="31"/>
      <c r="AQ16" s="31"/>
      <c r="AR16" s="34"/>
    </row>
    <row r="17" spans="2:44" s="16" customFormat="1" ht="13.35" customHeight="1">
      <c r="B17" s="17"/>
      <c r="C17" s="31"/>
      <c r="D17" s="31"/>
      <c r="E17" s="31"/>
      <c r="F17" s="31"/>
      <c r="G17" s="32"/>
      <c r="H17" s="33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4"/>
    </row>
    <row r="18" spans="2:44" s="16" customFormat="1" ht="13.35" customHeight="1">
      <c r="B18" s="17"/>
      <c r="C18" s="31"/>
      <c r="D18" s="31"/>
      <c r="E18" s="31"/>
      <c r="F18" s="31"/>
      <c r="G18" s="32"/>
      <c r="H18" s="33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4"/>
    </row>
    <row r="19" spans="2:44" s="16" customFormat="1" ht="13.35" customHeight="1">
      <c r="B19" s="17"/>
      <c r="C19" s="31"/>
      <c r="D19" s="31"/>
      <c r="E19" s="31"/>
      <c r="F19" s="31"/>
      <c r="G19" s="32"/>
      <c r="H19" s="33"/>
      <c r="I19" s="31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  <c r="V19" s="31"/>
      <c r="W19" s="31"/>
      <c r="X19" s="31"/>
      <c r="Y19" s="31"/>
      <c r="Z19" s="31"/>
      <c r="AA19" s="31"/>
      <c r="AB19" s="31"/>
      <c r="AC19" s="31"/>
      <c r="AD19" s="31"/>
      <c r="AE19" s="31"/>
      <c r="AF19" s="31"/>
      <c r="AG19" s="31"/>
      <c r="AH19" s="31"/>
      <c r="AI19" s="31"/>
      <c r="AJ19" s="31"/>
      <c r="AK19" s="31"/>
      <c r="AL19" s="31"/>
      <c r="AM19" s="31"/>
      <c r="AN19" s="31"/>
      <c r="AO19" s="31"/>
      <c r="AP19" s="31"/>
      <c r="AQ19" s="31"/>
      <c r="AR19" s="34"/>
    </row>
    <row r="20" spans="2:44" s="16" customFormat="1" ht="13.35" customHeight="1">
      <c r="B20" s="17"/>
      <c r="C20" s="31"/>
      <c r="D20" s="31"/>
      <c r="E20" s="31"/>
      <c r="F20" s="31"/>
      <c r="G20" s="32"/>
      <c r="H20" s="33"/>
      <c r="I20" s="31"/>
      <c r="J20" s="31"/>
      <c r="K20" s="31"/>
      <c r="L20" s="31"/>
      <c r="M20" s="31"/>
      <c r="N20" s="31"/>
      <c r="O20" s="31"/>
      <c r="P20" s="31"/>
      <c r="Q20" s="31"/>
      <c r="R20" s="31"/>
      <c r="S20" s="31"/>
      <c r="T20" s="31"/>
      <c r="U20" s="31"/>
      <c r="V20" s="31"/>
      <c r="W20" s="31"/>
      <c r="X20" s="31"/>
      <c r="Y20" s="31"/>
      <c r="Z20" s="31"/>
      <c r="AA20" s="31"/>
      <c r="AB20" s="31"/>
      <c r="AC20" s="31"/>
      <c r="AD20" s="31"/>
      <c r="AE20" s="31"/>
      <c r="AF20" s="31"/>
      <c r="AG20" s="31"/>
      <c r="AH20" s="31"/>
      <c r="AI20" s="31"/>
      <c r="AJ20" s="31"/>
      <c r="AK20" s="31"/>
      <c r="AL20" s="31"/>
      <c r="AM20" s="31"/>
      <c r="AN20" s="31"/>
      <c r="AO20" s="31"/>
      <c r="AP20" s="31"/>
      <c r="AQ20" s="31"/>
      <c r="AR20" s="34"/>
    </row>
    <row r="21" spans="2:44" s="16" customFormat="1" ht="13.35" customHeight="1">
      <c r="B21" s="17"/>
      <c r="C21" s="31"/>
      <c r="D21" s="31"/>
      <c r="E21" s="31"/>
      <c r="F21" s="31"/>
      <c r="G21" s="32"/>
      <c r="H21" s="33"/>
      <c r="I21" s="31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31"/>
      <c r="AK21" s="31"/>
      <c r="AL21" s="31"/>
      <c r="AM21" s="31"/>
      <c r="AN21" s="31"/>
      <c r="AO21" s="31"/>
      <c r="AP21" s="31"/>
      <c r="AQ21" s="31"/>
      <c r="AR21" s="34"/>
    </row>
    <row r="22" spans="2:44" s="16" customFormat="1" ht="13.35" customHeight="1">
      <c r="B22" s="17"/>
      <c r="C22" s="31"/>
      <c r="D22" s="31"/>
      <c r="E22" s="31"/>
      <c r="F22" s="31"/>
      <c r="G22" s="32"/>
      <c r="H22" s="33"/>
      <c r="I22" s="31"/>
      <c r="J22" s="31"/>
      <c r="K22" s="31"/>
      <c r="L22" s="31"/>
      <c r="M22" s="31"/>
      <c r="N22" s="31"/>
      <c r="O22" s="31"/>
      <c r="P22" s="31"/>
      <c r="Q22" s="31"/>
      <c r="R22" s="31"/>
      <c r="S22" s="31"/>
      <c r="T22" s="31"/>
      <c r="U22" s="31"/>
      <c r="V22" s="31"/>
      <c r="W22" s="31"/>
      <c r="X22" s="31"/>
      <c r="Y22" s="31"/>
      <c r="Z22" s="31"/>
      <c r="AA22" s="31"/>
      <c r="AB22" s="31"/>
      <c r="AC22" s="31"/>
      <c r="AD22" s="31"/>
      <c r="AE22" s="31"/>
      <c r="AF22" s="31"/>
      <c r="AG22" s="31"/>
      <c r="AH22" s="31"/>
      <c r="AI22" s="31"/>
      <c r="AJ22" s="31"/>
      <c r="AK22" s="31"/>
      <c r="AL22" s="31"/>
      <c r="AM22" s="31"/>
      <c r="AN22" s="31"/>
      <c r="AO22" s="31"/>
      <c r="AP22" s="31"/>
      <c r="AQ22" s="31"/>
      <c r="AR22" s="34"/>
    </row>
    <row r="23" spans="2:44" s="16" customFormat="1" ht="13.35" customHeight="1">
      <c r="B23" s="17"/>
      <c r="C23" s="31"/>
      <c r="D23" s="31"/>
      <c r="E23" s="31"/>
      <c r="F23" s="31"/>
      <c r="G23" s="32"/>
      <c r="H23" s="33"/>
      <c r="I23" s="31"/>
      <c r="J23" s="31"/>
      <c r="K23" s="31"/>
      <c r="L23" s="31"/>
      <c r="M23" s="31"/>
      <c r="N23" s="31"/>
      <c r="O23" s="31"/>
      <c r="P23" s="31"/>
      <c r="Q23" s="31"/>
      <c r="R23" s="31"/>
      <c r="S23" s="31"/>
      <c r="T23" s="31"/>
      <c r="U23" s="31"/>
      <c r="V23" s="31"/>
      <c r="W23" s="31"/>
      <c r="X23" s="31"/>
      <c r="Y23" s="31"/>
      <c r="Z23" s="31"/>
      <c r="AA23" s="31"/>
      <c r="AB23" s="31"/>
      <c r="AC23" s="31"/>
      <c r="AD23" s="31"/>
      <c r="AE23" s="31"/>
      <c r="AF23" s="31"/>
      <c r="AG23" s="31"/>
      <c r="AH23" s="31"/>
      <c r="AI23" s="31"/>
      <c r="AJ23" s="31"/>
      <c r="AK23" s="31"/>
      <c r="AL23" s="31"/>
      <c r="AM23" s="31"/>
      <c r="AN23" s="31"/>
      <c r="AO23" s="31"/>
      <c r="AP23" s="31"/>
      <c r="AQ23" s="31"/>
      <c r="AR23" s="34"/>
    </row>
    <row r="24" spans="2:44" s="16" customFormat="1" ht="13.35" customHeight="1">
      <c r="B24" s="17"/>
      <c r="C24" s="31"/>
      <c r="D24" s="31"/>
      <c r="E24" s="31"/>
      <c r="F24" s="31"/>
      <c r="G24" s="32"/>
      <c r="H24" s="33"/>
      <c r="I24" s="31"/>
      <c r="J24" s="31"/>
      <c r="K24" s="31"/>
      <c r="L24" s="31"/>
      <c r="M24" s="31"/>
      <c r="N24" s="31"/>
      <c r="O24" s="31"/>
      <c r="P24" s="31"/>
      <c r="Q24" s="31"/>
      <c r="R24" s="31"/>
      <c r="S24" s="31"/>
      <c r="T24" s="31"/>
      <c r="U24" s="31"/>
      <c r="V24" s="31"/>
      <c r="W24" s="31"/>
      <c r="X24" s="31"/>
      <c r="Y24" s="31"/>
      <c r="Z24" s="31"/>
      <c r="AA24" s="31"/>
      <c r="AB24" s="31"/>
      <c r="AC24" s="31"/>
      <c r="AD24" s="31"/>
      <c r="AE24" s="31"/>
      <c r="AF24" s="31"/>
      <c r="AG24" s="31"/>
      <c r="AH24" s="31"/>
      <c r="AI24" s="31"/>
      <c r="AJ24" s="31"/>
      <c r="AK24" s="31"/>
      <c r="AL24" s="31"/>
      <c r="AM24" s="31"/>
      <c r="AN24" s="31"/>
      <c r="AO24" s="31"/>
      <c r="AP24" s="31"/>
      <c r="AQ24" s="31"/>
      <c r="AR24" s="34"/>
    </row>
    <row r="25" spans="2:44" s="16" customFormat="1" ht="13.35" customHeight="1">
      <c r="B25" s="17"/>
      <c r="C25" s="35"/>
      <c r="D25" s="35"/>
      <c r="E25" s="35"/>
      <c r="F25" s="35"/>
      <c r="G25" s="32"/>
      <c r="H25" s="36"/>
      <c r="I25" s="31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31"/>
      <c r="AM25" s="31"/>
      <c r="AN25" s="31"/>
      <c r="AO25" s="31"/>
      <c r="AP25" s="31"/>
      <c r="AQ25" s="31"/>
      <c r="AR25" s="37"/>
    </row>
    <row r="26" spans="2:44" s="16" customFormat="1" ht="13.35" customHeight="1">
      <c r="B26" s="17"/>
      <c r="C26" s="31"/>
      <c r="D26" s="31"/>
      <c r="E26" s="31"/>
      <c r="F26" s="31"/>
      <c r="G26" s="38"/>
      <c r="H26" s="33"/>
      <c r="I26" s="31"/>
      <c r="J26" s="31"/>
      <c r="K26" s="31"/>
      <c r="L26" s="31"/>
      <c r="M26" s="31"/>
      <c r="N26" s="31"/>
      <c r="O26" s="31"/>
      <c r="P26" s="31"/>
      <c r="Q26" s="31"/>
      <c r="R26" s="31"/>
      <c r="S26" s="31"/>
      <c r="T26" s="31"/>
      <c r="U26" s="31"/>
      <c r="V26" s="31"/>
      <c r="W26" s="31"/>
      <c r="X26" s="31"/>
      <c r="Y26" s="31"/>
      <c r="Z26" s="31"/>
      <c r="AA26" s="31"/>
      <c r="AB26" s="31"/>
      <c r="AC26" s="31"/>
      <c r="AD26" s="31"/>
      <c r="AE26" s="31"/>
      <c r="AF26" s="31"/>
      <c r="AG26" s="31"/>
      <c r="AH26" s="31"/>
      <c r="AI26" s="31"/>
      <c r="AJ26" s="31"/>
      <c r="AK26" s="31"/>
      <c r="AL26" s="31"/>
      <c r="AM26" s="31"/>
      <c r="AN26" s="31"/>
      <c r="AO26" s="31"/>
      <c r="AP26" s="31"/>
      <c r="AQ26" s="31"/>
      <c r="AR26" s="34"/>
    </row>
    <row r="27" spans="2:44" s="16" customFormat="1" ht="13.35" customHeight="1">
      <c r="B27" s="17"/>
      <c r="C27" s="31"/>
      <c r="D27" s="31"/>
      <c r="E27" s="31"/>
      <c r="F27" s="31"/>
      <c r="G27" s="32"/>
      <c r="H27" s="33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31"/>
      <c r="U27" s="31"/>
      <c r="V27" s="31"/>
      <c r="W27" s="31"/>
      <c r="X27" s="31"/>
      <c r="Y27" s="31"/>
      <c r="Z27" s="31"/>
      <c r="AA27" s="31"/>
      <c r="AB27" s="31"/>
      <c r="AC27" s="31"/>
      <c r="AD27" s="31"/>
      <c r="AE27" s="31"/>
      <c r="AF27" s="31"/>
      <c r="AG27" s="31"/>
      <c r="AH27" s="31"/>
      <c r="AI27" s="31"/>
      <c r="AJ27" s="31"/>
      <c r="AK27" s="31"/>
      <c r="AL27" s="31"/>
      <c r="AM27" s="31"/>
      <c r="AN27" s="31"/>
      <c r="AO27" s="31"/>
      <c r="AP27" s="31"/>
      <c r="AQ27" s="31"/>
      <c r="AR27" s="34"/>
    </row>
    <row r="28" spans="2:44" s="16" customFormat="1" ht="13.35" customHeight="1">
      <c r="B28" s="17"/>
      <c r="C28" s="31"/>
      <c r="D28" s="31"/>
      <c r="E28" s="31"/>
      <c r="F28" s="31"/>
      <c r="G28" s="32"/>
      <c r="H28" s="33"/>
      <c r="I28" s="31"/>
      <c r="J28" s="31"/>
      <c r="K28" s="31"/>
      <c r="L28" s="31"/>
      <c r="M28" s="31"/>
      <c r="N28" s="31"/>
      <c r="O28" s="31"/>
      <c r="P28" s="31"/>
      <c r="Q28" s="31"/>
      <c r="R28" s="31"/>
      <c r="S28" s="31"/>
      <c r="T28" s="31"/>
      <c r="U28" s="31"/>
      <c r="V28" s="31"/>
      <c r="W28" s="31"/>
      <c r="X28" s="31"/>
      <c r="Y28" s="31"/>
      <c r="Z28" s="31"/>
      <c r="AA28" s="31"/>
      <c r="AB28" s="31"/>
      <c r="AC28" s="31"/>
      <c r="AD28" s="31"/>
      <c r="AE28" s="31"/>
      <c r="AF28" s="31"/>
      <c r="AG28" s="31"/>
      <c r="AH28" s="31"/>
      <c r="AI28" s="31"/>
      <c r="AJ28" s="31"/>
      <c r="AK28" s="31"/>
      <c r="AL28" s="31"/>
      <c r="AM28" s="31"/>
      <c r="AN28" s="31"/>
      <c r="AO28" s="31"/>
      <c r="AP28" s="31"/>
      <c r="AQ28" s="31"/>
      <c r="AR28" s="34"/>
    </row>
    <row r="29" spans="2:44" s="16" customFormat="1" ht="13.35" customHeight="1">
      <c r="B29" s="17"/>
      <c r="C29" s="31"/>
      <c r="D29" s="31"/>
      <c r="E29" s="31"/>
      <c r="F29" s="31"/>
      <c r="G29" s="32"/>
      <c r="H29" s="33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  <c r="AK29" s="31"/>
      <c r="AL29" s="31"/>
      <c r="AM29" s="31"/>
      <c r="AN29" s="31"/>
      <c r="AO29" s="31"/>
      <c r="AP29" s="31"/>
      <c r="AQ29" s="31"/>
      <c r="AR29" s="34"/>
    </row>
    <row r="30" spans="2:44" s="16" customFormat="1" ht="13.35" customHeight="1">
      <c r="B30" s="17"/>
      <c r="C30" s="35"/>
      <c r="D30" s="35"/>
      <c r="E30" s="35"/>
      <c r="F30" s="35"/>
      <c r="G30" s="32"/>
      <c r="H30" s="39"/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  <c r="AK30" s="31"/>
      <c r="AL30" s="31"/>
      <c r="AM30" s="31"/>
      <c r="AN30" s="31"/>
      <c r="AO30" s="31"/>
      <c r="AP30" s="31"/>
      <c r="AQ30" s="31"/>
      <c r="AR30" s="37"/>
    </row>
    <row r="31" spans="2:44" s="16" customFormat="1" ht="13.35" customHeight="1">
      <c r="B31" s="17"/>
      <c r="C31" s="31"/>
      <c r="D31" s="31"/>
      <c r="E31" s="31"/>
      <c r="F31" s="31"/>
      <c r="G31" s="32"/>
      <c r="H31" s="33"/>
      <c r="I31" s="31"/>
      <c r="J31" s="31"/>
      <c r="K31" s="31"/>
      <c r="L31" s="31"/>
      <c r="M31" s="31"/>
      <c r="N31" s="31"/>
      <c r="O31" s="31"/>
      <c r="P31" s="31"/>
      <c r="Q31" s="31"/>
      <c r="R31" s="31"/>
      <c r="S31" s="31"/>
      <c r="T31" s="31"/>
      <c r="U31" s="31"/>
      <c r="V31" s="31"/>
      <c r="W31" s="31"/>
      <c r="X31" s="31"/>
      <c r="Y31" s="31"/>
      <c r="Z31" s="31"/>
      <c r="AA31" s="31"/>
      <c r="AB31" s="31"/>
      <c r="AC31" s="31"/>
      <c r="AD31" s="31"/>
      <c r="AE31" s="31"/>
      <c r="AF31" s="31"/>
      <c r="AG31" s="31"/>
      <c r="AH31" s="31"/>
      <c r="AI31" s="31"/>
      <c r="AJ31" s="31"/>
      <c r="AK31" s="31"/>
      <c r="AL31" s="31"/>
      <c r="AM31" s="31"/>
      <c r="AN31" s="31"/>
      <c r="AO31" s="31"/>
      <c r="AP31" s="31"/>
      <c r="AQ31" s="31"/>
      <c r="AR31" s="34"/>
    </row>
    <row r="32" spans="2:44" s="16" customFormat="1" ht="13.35" customHeight="1">
      <c r="B32" s="17"/>
      <c r="C32" s="40"/>
      <c r="D32" s="40"/>
      <c r="E32" s="40"/>
      <c r="F32" s="40"/>
      <c r="G32" s="41"/>
      <c r="H32" s="42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40"/>
      <c r="AE32" s="40"/>
      <c r="AF32" s="40"/>
      <c r="AG32" s="40"/>
      <c r="AH32" s="40"/>
      <c r="AI32" s="40"/>
      <c r="AJ32" s="40"/>
      <c r="AK32" s="40"/>
      <c r="AL32" s="40"/>
      <c r="AM32" s="40"/>
      <c r="AN32" s="40"/>
      <c r="AO32" s="40"/>
      <c r="AP32" s="40"/>
      <c r="AQ32" s="40"/>
      <c r="AR32" s="43"/>
    </row>
    <row r="33" spans="2:44" s="16" customFormat="1" ht="13.35" customHeight="1">
      <c r="B33" s="44" t="s">
        <v>32</v>
      </c>
      <c r="C33" s="45"/>
      <c r="D33" s="45"/>
      <c r="E33" s="45"/>
      <c r="F33" s="45"/>
      <c r="G33" s="46"/>
      <c r="H33" s="47"/>
      <c r="I33" s="45"/>
      <c r="J33" s="45"/>
      <c r="K33" s="45"/>
      <c r="L33" s="45"/>
      <c r="M33" s="45"/>
      <c r="N33" s="45"/>
      <c r="O33" s="45"/>
      <c r="P33" s="45"/>
      <c r="Q33" s="45"/>
      <c r="R33" s="45"/>
      <c r="S33" s="45"/>
      <c r="T33" s="45"/>
      <c r="U33" s="45"/>
      <c r="V33" s="45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5"/>
      <c r="AH33" s="45"/>
      <c r="AI33" s="45"/>
      <c r="AJ33" s="45"/>
      <c r="AK33" s="45"/>
      <c r="AL33" s="45"/>
      <c r="AM33" s="45"/>
      <c r="AN33" s="45"/>
      <c r="AO33" s="45"/>
      <c r="AP33" s="45"/>
      <c r="AQ33" s="45"/>
      <c r="AR33" s="48"/>
    </row>
    <row r="34" spans="2:44" s="16" customFormat="1" ht="13.35" customHeight="1">
      <c r="B34" s="17"/>
      <c r="C34" s="49" t="s">
        <v>103</v>
      </c>
      <c r="D34" s="50"/>
      <c r="E34" s="50" t="s">
        <v>27</v>
      </c>
      <c r="F34" s="50" t="s">
        <v>28</v>
      </c>
      <c r="G34" s="28" t="s">
        <v>29</v>
      </c>
      <c r="H34" s="21" t="s">
        <v>73</v>
      </c>
      <c r="I34" s="22"/>
      <c r="J34" s="22"/>
      <c r="K34" s="22"/>
      <c r="L34" s="22"/>
      <c r="M34" s="22"/>
      <c r="N34" s="22"/>
      <c r="O34" s="22"/>
      <c r="P34" s="22"/>
      <c r="Q34" s="24"/>
      <c r="R34" s="22"/>
      <c r="S34" s="22"/>
      <c r="T34" s="23"/>
      <c r="U34" s="22"/>
      <c r="V34" s="22"/>
      <c r="W34" s="22"/>
      <c r="X34" s="22"/>
      <c r="Y34" s="22"/>
      <c r="Z34" s="22"/>
      <c r="AA34" s="22"/>
      <c r="AB34" s="22"/>
      <c r="AC34" s="22"/>
      <c r="AD34" s="22"/>
      <c r="AE34" s="22"/>
      <c r="AF34" s="22"/>
      <c r="AG34" s="22"/>
      <c r="AH34" s="22"/>
      <c r="AI34" s="22"/>
      <c r="AJ34" s="22"/>
      <c r="AK34" s="22"/>
      <c r="AL34" s="23"/>
      <c r="AM34" s="22"/>
      <c r="AN34" s="22"/>
      <c r="AO34" s="22"/>
      <c r="AP34" s="22"/>
      <c r="AQ34" s="22"/>
      <c r="AR34" s="22"/>
    </row>
    <row r="35" spans="2:44" s="16" customFormat="1" ht="13.35" customHeight="1">
      <c r="B35" s="17"/>
      <c r="C35" s="25" t="s">
        <v>30</v>
      </c>
      <c r="D35" s="51"/>
      <c r="E35" s="53"/>
      <c r="F35" s="53"/>
      <c r="G35" s="32"/>
      <c r="H35" s="32"/>
      <c r="I35" s="31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31"/>
      <c r="AJ35" s="31"/>
      <c r="AK35" s="31"/>
      <c r="AL35" s="31"/>
      <c r="AM35" s="31"/>
      <c r="AN35" s="31"/>
      <c r="AO35" s="31"/>
      <c r="AP35" s="31"/>
      <c r="AQ35" s="31"/>
      <c r="AR35" s="34"/>
    </row>
    <row r="36" spans="2:44" s="16" customFormat="1" ht="13.35" customHeight="1">
      <c r="B36" s="17"/>
      <c r="C36" s="53"/>
      <c r="D36" s="53"/>
      <c r="E36" s="53"/>
      <c r="F36" s="53"/>
      <c r="G36" s="32"/>
      <c r="H36" s="32"/>
      <c r="I36" s="31"/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1"/>
      <c r="X36" s="31"/>
      <c r="Y36" s="31"/>
      <c r="Z36" s="31"/>
      <c r="AA36" s="31"/>
      <c r="AB36" s="31"/>
      <c r="AC36" s="31"/>
      <c r="AD36" s="31"/>
      <c r="AE36" s="31"/>
      <c r="AF36" s="31"/>
      <c r="AG36" s="31"/>
      <c r="AH36" s="31"/>
      <c r="AI36" s="31"/>
      <c r="AJ36" s="31"/>
      <c r="AK36" s="31"/>
      <c r="AL36" s="31"/>
      <c r="AM36" s="31"/>
      <c r="AN36" s="31"/>
      <c r="AO36" s="31"/>
      <c r="AP36" s="31"/>
      <c r="AQ36" s="31"/>
      <c r="AR36" s="34"/>
    </row>
    <row r="37" spans="2:44" s="16" customFormat="1" ht="13.35" customHeight="1">
      <c r="B37" s="17"/>
      <c r="C37" s="53"/>
      <c r="D37" s="53"/>
      <c r="E37" s="53"/>
      <c r="F37" s="53"/>
      <c r="G37" s="32"/>
      <c r="H37" s="32"/>
      <c r="I37" s="31"/>
      <c r="J37" s="31"/>
      <c r="K37" s="31"/>
      <c r="L37" s="31"/>
      <c r="M37" s="31"/>
      <c r="N37" s="31"/>
      <c r="O37" s="31"/>
      <c r="P37" s="31"/>
      <c r="Q37" s="31"/>
      <c r="R37" s="31"/>
      <c r="S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E37" s="31"/>
      <c r="AF37" s="31"/>
      <c r="AG37" s="31"/>
      <c r="AH37" s="31"/>
      <c r="AI37" s="31"/>
      <c r="AJ37" s="31"/>
      <c r="AK37" s="31"/>
      <c r="AL37" s="31"/>
      <c r="AM37" s="31"/>
      <c r="AN37" s="31"/>
      <c r="AO37" s="31"/>
      <c r="AP37" s="31"/>
      <c r="AQ37" s="31"/>
      <c r="AR37" s="34"/>
    </row>
    <row r="38" spans="2:44" s="16" customFormat="1" ht="13.35" customHeight="1">
      <c r="B38" s="17"/>
      <c r="C38" s="53"/>
      <c r="D38" s="53"/>
      <c r="E38" s="53"/>
      <c r="F38" s="53"/>
      <c r="G38" s="32"/>
      <c r="H38" s="32"/>
      <c r="I38" s="31"/>
      <c r="J38" s="31"/>
      <c r="K38" s="31"/>
      <c r="L38" s="31"/>
      <c r="M38" s="31"/>
      <c r="N38" s="31"/>
      <c r="O38" s="31"/>
      <c r="P38" s="31"/>
      <c r="Q38" s="31"/>
      <c r="R38" s="31"/>
      <c r="S38" s="31"/>
      <c r="T38" s="31"/>
      <c r="U38" s="31"/>
      <c r="V38" s="31"/>
      <c r="W38" s="31"/>
      <c r="X38" s="31"/>
      <c r="Y38" s="31"/>
      <c r="Z38" s="31"/>
      <c r="AA38" s="31"/>
      <c r="AB38" s="31"/>
      <c r="AC38" s="31"/>
      <c r="AD38" s="31"/>
      <c r="AE38" s="31"/>
      <c r="AF38" s="31"/>
      <c r="AG38" s="31"/>
      <c r="AH38" s="31"/>
      <c r="AI38" s="31"/>
      <c r="AJ38" s="31"/>
      <c r="AK38" s="31"/>
      <c r="AL38" s="31"/>
      <c r="AM38" s="31"/>
      <c r="AN38" s="31"/>
      <c r="AO38" s="31"/>
      <c r="AP38" s="31"/>
      <c r="AQ38" s="31"/>
      <c r="AR38" s="34"/>
    </row>
    <row r="39" spans="2:44" s="16" customFormat="1" ht="13.35" customHeight="1">
      <c r="B39" s="17"/>
      <c r="C39" s="53"/>
      <c r="D39" s="53"/>
      <c r="E39" s="53"/>
      <c r="F39" s="53"/>
      <c r="G39" s="32"/>
      <c r="H39" s="32"/>
      <c r="I39" s="31"/>
      <c r="J39" s="31"/>
      <c r="K39" s="31"/>
      <c r="L39" s="31"/>
      <c r="M39" s="31"/>
      <c r="N39" s="31"/>
      <c r="O39" s="31"/>
      <c r="P39" s="31"/>
      <c r="Q39" s="31"/>
      <c r="R39" s="31"/>
      <c r="S39" s="31"/>
      <c r="T39" s="31"/>
      <c r="U39" s="31"/>
      <c r="V39" s="31"/>
      <c r="W39" s="31"/>
      <c r="X39" s="31"/>
      <c r="Y39" s="31"/>
      <c r="Z39" s="31"/>
      <c r="AA39" s="31"/>
      <c r="AB39" s="31"/>
      <c r="AC39" s="31"/>
      <c r="AD39" s="31"/>
      <c r="AE39" s="31"/>
      <c r="AF39" s="31"/>
      <c r="AG39" s="31"/>
      <c r="AH39" s="31"/>
      <c r="AI39" s="31"/>
      <c r="AJ39" s="31"/>
      <c r="AK39" s="31"/>
      <c r="AL39" s="31"/>
      <c r="AM39" s="31"/>
      <c r="AN39" s="31"/>
      <c r="AO39" s="31"/>
      <c r="AP39" s="31"/>
      <c r="AQ39" s="31"/>
      <c r="AR39" s="34"/>
    </row>
    <row r="40" spans="2:44" s="16" customFormat="1" ht="13.35" customHeight="1">
      <c r="B40" s="17"/>
      <c r="C40" s="53"/>
      <c r="D40" s="53"/>
      <c r="E40" s="53"/>
      <c r="F40" s="53"/>
      <c r="G40" s="32"/>
      <c r="H40" s="32"/>
      <c r="I40" s="31"/>
      <c r="J40" s="31"/>
      <c r="K40" s="31"/>
      <c r="L40" s="31"/>
      <c r="M40" s="31"/>
      <c r="N40" s="31"/>
      <c r="O40" s="31"/>
      <c r="P40" s="31"/>
      <c r="Q40" s="31"/>
      <c r="R40" s="31"/>
      <c r="S40" s="3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31"/>
      <c r="AF40" s="31"/>
      <c r="AG40" s="31"/>
      <c r="AH40" s="31"/>
      <c r="AI40" s="31"/>
      <c r="AJ40" s="31"/>
      <c r="AK40" s="31"/>
      <c r="AL40" s="31"/>
      <c r="AM40" s="31"/>
      <c r="AN40" s="31"/>
      <c r="AO40" s="31"/>
      <c r="AP40" s="31"/>
      <c r="AQ40" s="31"/>
      <c r="AR40" s="34"/>
    </row>
    <row r="41" spans="2:44" s="16" customFormat="1" ht="13.35" customHeight="1">
      <c r="B41" s="17"/>
      <c r="C41" s="53"/>
      <c r="D41" s="53"/>
      <c r="E41" s="53"/>
      <c r="F41" s="53"/>
      <c r="G41" s="32"/>
      <c r="H41" s="32"/>
      <c r="I41" s="31"/>
      <c r="J41" s="3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31"/>
      <c r="AK41" s="31"/>
      <c r="AL41" s="31"/>
      <c r="AM41" s="31"/>
      <c r="AN41" s="31"/>
      <c r="AO41" s="31"/>
      <c r="AP41" s="31"/>
      <c r="AQ41" s="31"/>
      <c r="AR41" s="34"/>
    </row>
    <row r="42" spans="2:44" s="16" customFormat="1" ht="13.35" customHeight="1">
      <c r="B42" s="17"/>
      <c r="C42" s="53"/>
      <c r="D42" s="53"/>
      <c r="E42" s="53"/>
      <c r="F42" s="53"/>
      <c r="G42" s="32"/>
      <c r="H42" s="32"/>
      <c r="I42" s="31"/>
      <c r="J42" s="31"/>
      <c r="K42" s="31"/>
      <c r="L42" s="31"/>
      <c r="M42" s="31"/>
      <c r="N42" s="31"/>
      <c r="O42" s="31"/>
      <c r="P42" s="31"/>
      <c r="Q42" s="31"/>
      <c r="R42" s="31"/>
      <c r="S42" s="3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31"/>
      <c r="AF42" s="31"/>
      <c r="AG42" s="31"/>
      <c r="AH42" s="31"/>
      <c r="AI42" s="31"/>
      <c r="AJ42" s="31"/>
      <c r="AK42" s="31"/>
      <c r="AL42" s="31"/>
      <c r="AM42" s="31"/>
      <c r="AN42" s="31"/>
      <c r="AO42" s="31"/>
      <c r="AP42" s="31"/>
      <c r="AQ42" s="31"/>
      <c r="AR42" s="34"/>
    </row>
    <row r="43" spans="2:44" s="16" customFormat="1" ht="13.35" customHeight="1">
      <c r="B43" s="17"/>
      <c r="C43" s="53"/>
      <c r="D43" s="53"/>
      <c r="E43" s="53"/>
      <c r="F43" s="53"/>
      <c r="G43" s="32"/>
      <c r="H43" s="32"/>
      <c r="I43" s="31"/>
      <c r="J43" s="31"/>
      <c r="K43" s="31"/>
      <c r="L43" s="31"/>
      <c r="M43" s="31"/>
      <c r="N43" s="31"/>
      <c r="O43" s="31"/>
      <c r="P43" s="31"/>
      <c r="Q43" s="31"/>
      <c r="R43" s="31"/>
      <c r="S43" s="31"/>
      <c r="T43" s="31"/>
      <c r="U43" s="31"/>
      <c r="V43" s="31"/>
      <c r="W43" s="31"/>
      <c r="X43" s="31"/>
      <c r="Y43" s="31"/>
      <c r="Z43" s="31"/>
      <c r="AA43" s="31"/>
      <c r="AB43" s="31"/>
      <c r="AC43" s="31"/>
      <c r="AD43" s="31"/>
      <c r="AE43" s="31"/>
      <c r="AF43" s="31"/>
      <c r="AG43" s="31"/>
      <c r="AH43" s="31"/>
      <c r="AI43" s="31"/>
      <c r="AJ43" s="31"/>
      <c r="AK43" s="31"/>
      <c r="AL43" s="31"/>
      <c r="AM43" s="31"/>
      <c r="AN43" s="31"/>
      <c r="AO43" s="31"/>
      <c r="AP43" s="31"/>
      <c r="AQ43" s="31"/>
      <c r="AR43" s="34"/>
    </row>
    <row r="44" spans="2:44" s="16" customFormat="1" ht="13.35" customHeight="1">
      <c r="B44" s="17"/>
      <c r="C44" s="53"/>
      <c r="D44" s="53"/>
      <c r="E44" s="53"/>
      <c r="F44" s="53"/>
      <c r="G44" s="32"/>
      <c r="H44" s="32"/>
      <c r="I44" s="31"/>
      <c r="J44" s="31"/>
      <c r="K44" s="31"/>
      <c r="L44" s="31"/>
      <c r="M44" s="31"/>
      <c r="N44" s="31"/>
      <c r="O44" s="31"/>
      <c r="P44" s="31"/>
      <c r="Q44" s="31"/>
      <c r="R44" s="31"/>
      <c r="S44" s="31"/>
      <c r="T44" s="31"/>
      <c r="U44" s="31"/>
      <c r="V44" s="31"/>
      <c r="W44" s="31"/>
      <c r="X44" s="31"/>
      <c r="Y44" s="31"/>
      <c r="Z44" s="31"/>
      <c r="AA44" s="31"/>
      <c r="AB44" s="31"/>
      <c r="AC44" s="31"/>
      <c r="AD44" s="31"/>
      <c r="AE44" s="31"/>
      <c r="AF44" s="31"/>
      <c r="AG44" s="31"/>
      <c r="AH44" s="31"/>
      <c r="AI44" s="31"/>
      <c r="AJ44" s="31"/>
      <c r="AK44" s="31"/>
      <c r="AL44" s="31"/>
      <c r="AM44" s="31"/>
      <c r="AN44" s="31"/>
      <c r="AO44" s="31"/>
      <c r="AP44" s="31"/>
      <c r="AQ44" s="31"/>
      <c r="AR44" s="34"/>
    </row>
    <row r="45" spans="2:44" s="16" customFormat="1" ht="13.35" customHeight="1">
      <c r="B45" s="17"/>
      <c r="C45" s="53"/>
      <c r="D45" s="53"/>
      <c r="E45" s="53"/>
      <c r="F45" s="53"/>
      <c r="G45" s="32"/>
      <c r="H45" s="32"/>
      <c r="I45" s="31"/>
      <c r="J45" s="31"/>
      <c r="K45" s="31"/>
      <c r="L45" s="31"/>
      <c r="M45" s="31"/>
      <c r="N45" s="31"/>
      <c r="O45" s="31"/>
      <c r="P45" s="31"/>
      <c r="Q45" s="31"/>
      <c r="R45" s="31"/>
      <c r="S45" s="31"/>
      <c r="T45" s="31"/>
      <c r="U45" s="31"/>
      <c r="V45" s="31"/>
      <c r="W45" s="31"/>
      <c r="X45" s="31"/>
      <c r="Y45" s="31"/>
      <c r="Z45" s="31"/>
      <c r="AA45" s="31"/>
      <c r="AB45" s="31"/>
      <c r="AC45" s="31"/>
      <c r="AD45" s="31"/>
      <c r="AE45" s="31"/>
      <c r="AF45" s="31"/>
      <c r="AG45" s="31"/>
      <c r="AH45" s="31"/>
      <c r="AI45" s="31"/>
      <c r="AJ45" s="31"/>
      <c r="AK45" s="31"/>
      <c r="AL45" s="31"/>
      <c r="AM45" s="31"/>
      <c r="AN45" s="31"/>
      <c r="AO45" s="31"/>
      <c r="AP45" s="31"/>
      <c r="AQ45" s="31"/>
      <c r="AR45" s="34"/>
    </row>
    <row r="46" spans="2:44" s="16" customFormat="1" ht="13.35" customHeight="1">
      <c r="B46" s="17"/>
      <c r="C46" s="53"/>
      <c r="D46" s="53"/>
      <c r="E46" s="53"/>
      <c r="F46" s="53"/>
      <c r="G46" s="32"/>
      <c r="H46" s="32"/>
      <c r="I46" s="31"/>
      <c r="J46" s="31"/>
      <c r="K46" s="31"/>
      <c r="L46" s="31"/>
      <c r="M46" s="31"/>
      <c r="N46" s="31"/>
      <c r="O46" s="31"/>
      <c r="P46" s="31"/>
      <c r="Q46" s="31"/>
      <c r="R46" s="31"/>
      <c r="S46" s="3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31"/>
      <c r="AF46" s="31"/>
      <c r="AG46" s="31"/>
      <c r="AH46" s="31"/>
      <c r="AI46" s="31"/>
      <c r="AJ46" s="31"/>
      <c r="AK46" s="31"/>
      <c r="AL46" s="31"/>
      <c r="AM46" s="31"/>
      <c r="AN46" s="31"/>
      <c r="AO46" s="31"/>
      <c r="AP46" s="31"/>
      <c r="AQ46" s="31"/>
      <c r="AR46" s="34"/>
    </row>
    <row r="47" spans="2:44" s="16" customFormat="1" ht="13.35" customHeight="1">
      <c r="B47" s="17"/>
      <c r="C47" s="53"/>
      <c r="D47" s="53"/>
      <c r="E47" s="53"/>
      <c r="F47" s="53"/>
      <c r="G47" s="32"/>
      <c r="H47" s="32"/>
      <c r="I47" s="31"/>
      <c r="J47" s="31"/>
      <c r="K47" s="31"/>
      <c r="L47" s="31"/>
      <c r="M47" s="31"/>
      <c r="N47" s="31"/>
      <c r="O47" s="31"/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31"/>
      <c r="AA47" s="31"/>
      <c r="AB47" s="31"/>
      <c r="AC47" s="31"/>
      <c r="AD47" s="31"/>
      <c r="AE47" s="31"/>
      <c r="AF47" s="31"/>
      <c r="AG47" s="31"/>
      <c r="AH47" s="31"/>
      <c r="AI47" s="31"/>
      <c r="AJ47" s="31"/>
      <c r="AK47" s="31"/>
      <c r="AL47" s="31"/>
      <c r="AM47" s="31"/>
      <c r="AN47" s="31"/>
      <c r="AO47" s="31"/>
      <c r="AP47" s="31"/>
      <c r="AQ47" s="31"/>
      <c r="AR47" s="34"/>
    </row>
    <row r="48" spans="2:44" s="16" customFormat="1" ht="13.35" customHeight="1">
      <c r="B48" s="17"/>
      <c r="C48" s="53"/>
      <c r="D48" s="53"/>
      <c r="E48" s="53"/>
      <c r="F48" s="53"/>
      <c r="G48" s="32"/>
      <c r="H48" s="32"/>
      <c r="I48" s="31"/>
      <c r="J48" s="31"/>
      <c r="K48" s="31"/>
      <c r="L48" s="31"/>
      <c r="M48" s="31"/>
      <c r="N48" s="31"/>
      <c r="O48" s="31"/>
      <c r="P48" s="31"/>
      <c r="Q48" s="31"/>
      <c r="R48" s="31"/>
      <c r="S48" s="31"/>
      <c r="T48" s="31"/>
      <c r="U48" s="31"/>
      <c r="V48" s="31"/>
      <c r="W48" s="31"/>
      <c r="X48" s="31"/>
      <c r="Y48" s="31"/>
      <c r="Z48" s="31"/>
      <c r="AA48" s="31"/>
      <c r="AB48" s="31"/>
      <c r="AC48" s="31"/>
      <c r="AD48" s="31"/>
      <c r="AE48" s="31"/>
      <c r="AF48" s="31"/>
      <c r="AG48" s="31"/>
      <c r="AH48" s="31"/>
      <c r="AI48" s="31"/>
      <c r="AJ48" s="31"/>
      <c r="AK48" s="31"/>
      <c r="AL48" s="31"/>
      <c r="AM48" s="31"/>
      <c r="AN48" s="31"/>
      <c r="AO48" s="31"/>
      <c r="AP48" s="31"/>
      <c r="AQ48" s="31"/>
      <c r="AR48" s="34"/>
    </row>
    <row r="49" spans="2:44" s="16" customFormat="1" ht="13.35" customHeight="1">
      <c r="B49" s="17"/>
      <c r="C49" s="53"/>
      <c r="D49" s="53"/>
      <c r="E49" s="53"/>
      <c r="F49" s="53"/>
      <c r="G49" s="32"/>
      <c r="H49" s="32"/>
      <c r="I49" s="31"/>
      <c r="J49" s="31"/>
      <c r="K49" s="31"/>
      <c r="L49" s="31"/>
      <c r="M49" s="31"/>
      <c r="N49" s="31"/>
      <c r="O49" s="31"/>
      <c r="P49" s="31"/>
      <c r="Q49" s="31"/>
      <c r="R49" s="31"/>
      <c r="S49" s="31"/>
      <c r="T49" s="31"/>
      <c r="U49" s="31"/>
      <c r="V49" s="31"/>
      <c r="W49" s="31"/>
      <c r="X49" s="31"/>
      <c r="Y49" s="31"/>
      <c r="Z49" s="31"/>
      <c r="AA49" s="31"/>
      <c r="AB49" s="31"/>
      <c r="AC49" s="31"/>
      <c r="AD49" s="31"/>
      <c r="AE49" s="31"/>
      <c r="AF49" s="31"/>
      <c r="AG49" s="31"/>
      <c r="AH49" s="31"/>
      <c r="AI49" s="31"/>
      <c r="AJ49" s="31"/>
      <c r="AK49" s="31"/>
      <c r="AL49" s="31"/>
      <c r="AM49" s="31"/>
      <c r="AN49" s="31"/>
      <c r="AO49" s="31"/>
      <c r="AP49" s="31"/>
      <c r="AQ49" s="31"/>
      <c r="AR49" s="34"/>
    </row>
    <row r="50" spans="2:44" s="16" customFormat="1" ht="13.35" customHeight="1">
      <c r="B50" s="17"/>
      <c r="C50" s="53"/>
      <c r="D50" s="53"/>
      <c r="E50" s="53"/>
      <c r="F50" s="53"/>
      <c r="G50" s="32"/>
      <c r="H50" s="32"/>
      <c r="I50" s="31"/>
      <c r="J50" s="31"/>
      <c r="K50" s="31"/>
      <c r="L50" s="31"/>
      <c r="M50" s="31"/>
      <c r="N50" s="31"/>
      <c r="O50" s="31"/>
      <c r="P50" s="31"/>
      <c r="Q50" s="31"/>
      <c r="R50" s="31"/>
      <c r="S50" s="31"/>
      <c r="T50" s="31"/>
      <c r="U50" s="31"/>
      <c r="V50" s="31"/>
      <c r="W50" s="31"/>
      <c r="X50" s="31"/>
      <c r="Y50" s="31"/>
      <c r="Z50" s="31"/>
      <c r="AA50" s="31"/>
      <c r="AB50" s="31"/>
      <c r="AC50" s="31"/>
      <c r="AD50" s="31"/>
      <c r="AE50" s="31"/>
      <c r="AF50" s="31"/>
      <c r="AG50" s="31"/>
      <c r="AH50" s="31"/>
      <c r="AI50" s="31"/>
      <c r="AJ50" s="31"/>
      <c r="AK50" s="31"/>
      <c r="AL50" s="31"/>
      <c r="AM50" s="31"/>
      <c r="AN50" s="31"/>
      <c r="AO50" s="31"/>
      <c r="AP50" s="31"/>
      <c r="AQ50" s="31"/>
      <c r="AR50" s="37"/>
    </row>
    <row r="51" spans="2:44" s="16" customFormat="1" ht="13.35" customHeight="1">
      <c r="B51" s="17"/>
      <c r="C51" s="31"/>
      <c r="D51" s="31"/>
      <c r="E51" s="31"/>
      <c r="F51" s="31"/>
      <c r="G51" s="32"/>
      <c r="H51" s="33"/>
      <c r="I51" s="31"/>
      <c r="J51" s="31"/>
      <c r="K51" s="31"/>
      <c r="L51" s="31"/>
      <c r="M51" s="31"/>
      <c r="N51" s="31"/>
      <c r="O51" s="31"/>
      <c r="P51" s="31"/>
      <c r="Q51" s="31"/>
      <c r="R51" s="31"/>
      <c r="S51" s="31"/>
      <c r="T51" s="31"/>
      <c r="U51" s="31"/>
      <c r="V51" s="31"/>
      <c r="W51" s="31"/>
      <c r="X51" s="31"/>
      <c r="Y51" s="31"/>
      <c r="Z51" s="31"/>
      <c r="AA51" s="31"/>
      <c r="AB51" s="31"/>
      <c r="AC51" s="31"/>
      <c r="AD51" s="31"/>
      <c r="AE51" s="31"/>
      <c r="AF51" s="31"/>
      <c r="AG51" s="31"/>
      <c r="AH51" s="31"/>
      <c r="AI51" s="31"/>
      <c r="AJ51" s="31"/>
      <c r="AK51" s="31"/>
      <c r="AL51" s="31"/>
      <c r="AM51" s="31"/>
      <c r="AN51" s="31"/>
      <c r="AO51" s="31"/>
      <c r="AP51" s="31"/>
      <c r="AQ51" s="31"/>
      <c r="AR51" s="34"/>
    </row>
    <row r="52" spans="2:44" s="16" customFormat="1" ht="13.35" customHeight="1">
      <c r="B52" s="17"/>
      <c r="C52" s="31"/>
      <c r="D52" s="31"/>
      <c r="E52" s="31"/>
      <c r="F52" s="31"/>
      <c r="G52" s="32"/>
      <c r="H52" s="33"/>
      <c r="I52" s="31"/>
      <c r="J52" s="31"/>
      <c r="K52" s="31"/>
      <c r="L52" s="31"/>
      <c r="M52" s="31"/>
      <c r="N52" s="31"/>
      <c r="O52" s="31"/>
      <c r="P52" s="31"/>
      <c r="Q52" s="31"/>
      <c r="R52" s="31"/>
      <c r="S52" s="31"/>
      <c r="T52" s="31"/>
      <c r="U52" s="31"/>
      <c r="V52" s="31"/>
      <c r="W52" s="31"/>
      <c r="X52" s="31"/>
      <c r="Y52" s="31"/>
      <c r="Z52" s="31"/>
      <c r="AA52" s="31"/>
      <c r="AB52" s="31"/>
      <c r="AC52" s="31"/>
      <c r="AD52" s="31"/>
      <c r="AE52" s="31"/>
      <c r="AF52" s="31"/>
      <c r="AG52" s="31"/>
      <c r="AH52" s="31"/>
      <c r="AI52" s="31"/>
      <c r="AJ52" s="31"/>
      <c r="AK52" s="31"/>
      <c r="AL52" s="31"/>
      <c r="AM52" s="31"/>
      <c r="AN52" s="31"/>
      <c r="AO52" s="31"/>
      <c r="AP52" s="31"/>
      <c r="AQ52" s="31"/>
      <c r="AR52" s="34"/>
    </row>
    <row r="53" spans="2:44" s="16" customFormat="1" ht="13.35" customHeight="1">
      <c r="B53" s="17"/>
      <c r="C53" s="53"/>
      <c r="D53" s="53"/>
      <c r="E53" s="53"/>
      <c r="F53" s="53"/>
      <c r="G53" s="32"/>
      <c r="H53" s="32"/>
      <c r="I53" s="31"/>
      <c r="J53" s="31"/>
      <c r="K53" s="31"/>
      <c r="L53" s="31"/>
      <c r="M53" s="31"/>
      <c r="N53" s="31"/>
      <c r="O53" s="31"/>
      <c r="P53" s="31"/>
      <c r="Q53" s="31"/>
      <c r="R53" s="31"/>
      <c r="S53" s="31"/>
      <c r="T53" s="31"/>
      <c r="U53" s="31"/>
      <c r="V53" s="31"/>
      <c r="W53" s="31"/>
      <c r="X53" s="31"/>
      <c r="Y53" s="31"/>
      <c r="Z53" s="31"/>
      <c r="AA53" s="31"/>
      <c r="AB53" s="31"/>
      <c r="AC53" s="31"/>
      <c r="AD53" s="31"/>
      <c r="AE53" s="31"/>
      <c r="AF53" s="31"/>
      <c r="AG53" s="31"/>
      <c r="AH53" s="31"/>
      <c r="AI53" s="31"/>
      <c r="AJ53" s="31"/>
      <c r="AK53" s="31"/>
      <c r="AL53" s="31"/>
      <c r="AM53" s="31"/>
      <c r="AN53" s="31"/>
      <c r="AO53" s="31"/>
      <c r="AP53" s="31"/>
      <c r="AQ53" s="31"/>
      <c r="AR53" s="37"/>
    </row>
    <row r="54" spans="2:44" s="16" customFormat="1" ht="13.35" customHeight="1">
      <c r="B54" s="17"/>
      <c r="C54" s="53"/>
      <c r="D54" s="53"/>
      <c r="E54" s="53"/>
      <c r="F54" s="53"/>
      <c r="G54" s="32"/>
      <c r="H54" s="32"/>
      <c r="I54" s="31"/>
      <c r="J54" s="31"/>
      <c r="K54" s="31"/>
      <c r="L54" s="31"/>
      <c r="M54" s="31"/>
      <c r="N54" s="31"/>
      <c r="O54" s="31"/>
      <c r="P54" s="31"/>
      <c r="Q54" s="31"/>
      <c r="R54" s="31"/>
      <c r="S54" s="31"/>
      <c r="T54" s="31"/>
      <c r="U54" s="31"/>
      <c r="V54" s="31"/>
      <c r="W54" s="31"/>
      <c r="X54" s="31"/>
      <c r="Y54" s="31"/>
      <c r="Z54" s="31"/>
      <c r="AA54" s="31"/>
      <c r="AB54" s="31"/>
      <c r="AC54" s="31"/>
      <c r="AD54" s="31"/>
      <c r="AE54" s="31"/>
      <c r="AF54" s="31"/>
      <c r="AG54" s="31"/>
      <c r="AH54" s="31"/>
      <c r="AI54" s="31"/>
      <c r="AJ54" s="31"/>
      <c r="AK54" s="31"/>
      <c r="AL54" s="31"/>
      <c r="AM54" s="31"/>
      <c r="AN54" s="31"/>
      <c r="AO54" s="31"/>
      <c r="AP54" s="31"/>
      <c r="AQ54" s="31"/>
      <c r="AR54" s="37"/>
    </row>
    <row r="55" spans="2:44" s="16" customFormat="1" ht="13.35" customHeight="1">
      <c r="B55" s="17"/>
      <c r="C55" s="31"/>
      <c r="D55" s="31"/>
      <c r="E55" s="31"/>
      <c r="F55" s="31"/>
      <c r="G55" s="32"/>
      <c r="H55" s="33"/>
      <c r="I55" s="31"/>
      <c r="J55" s="31"/>
      <c r="K55" s="31"/>
      <c r="L55" s="31"/>
      <c r="M55" s="31"/>
      <c r="N55" s="31"/>
      <c r="O55" s="31"/>
      <c r="P55" s="31"/>
      <c r="Q55" s="31"/>
      <c r="R55" s="31"/>
      <c r="S55" s="31"/>
      <c r="T55" s="31"/>
      <c r="U55" s="31"/>
      <c r="V55" s="31"/>
      <c r="W55" s="31"/>
      <c r="X55" s="31"/>
      <c r="Y55" s="31"/>
      <c r="Z55" s="31"/>
      <c r="AA55" s="31"/>
      <c r="AB55" s="31"/>
      <c r="AC55" s="31"/>
      <c r="AD55" s="31"/>
      <c r="AE55" s="31"/>
      <c r="AF55" s="31"/>
      <c r="AG55" s="31"/>
      <c r="AH55" s="31"/>
      <c r="AI55" s="31"/>
      <c r="AJ55" s="31"/>
      <c r="AK55" s="31"/>
      <c r="AL55" s="31"/>
      <c r="AM55" s="31"/>
      <c r="AN55" s="31"/>
      <c r="AO55" s="31"/>
      <c r="AP55" s="31"/>
      <c r="AQ55" s="31"/>
      <c r="AR55" s="34"/>
    </row>
    <row r="56" spans="2:44" s="16" customFormat="1" ht="13.35" customHeight="1">
      <c r="B56" s="17"/>
      <c r="C56" s="53"/>
      <c r="D56" s="53"/>
      <c r="E56" s="53"/>
      <c r="F56" s="53"/>
      <c r="G56" s="32"/>
      <c r="H56" s="32"/>
      <c r="I56" s="31"/>
      <c r="J56" s="31"/>
      <c r="K56" s="31"/>
      <c r="L56" s="31"/>
      <c r="M56" s="31"/>
      <c r="N56" s="31"/>
      <c r="O56" s="31"/>
      <c r="P56" s="31"/>
      <c r="Q56" s="31"/>
      <c r="R56" s="31"/>
      <c r="S56" s="31"/>
      <c r="T56" s="31"/>
      <c r="U56" s="31"/>
      <c r="V56" s="31"/>
      <c r="W56" s="31"/>
      <c r="X56" s="31"/>
      <c r="Y56" s="31"/>
      <c r="Z56" s="31"/>
      <c r="AA56" s="31"/>
      <c r="AB56" s="31"/>
      <c r="AC56" s="31"/>
      <c r="AD56" s="31"/>
      <c r="AE56" s="31"/>
      <c r="AF56" s="31"/>
      <c r="AG56" s="31"/>
      <c r="AH56" s="31"/>
      <c r="AI56" s="31"/>
      <c r="AJ56" s="31"/>
      <c r="AK56" s="31"/>
      <c r="AL56" s="31"/>
      <c r="AM56" s="31"/>
      <c r="AN56" s="31"/>
      <c r="AO56" s="31"/>
      <c r="AP56" s="31"/>
      <c r="AQ56" s="31"/>
      <c r="AR56" s="43"/>
    </row>
    <row r="57" spans="2:44" s="16" customFormat="1" ht="13.35" customHeight="1" thickBot="1">
      <c r="B57" s="54"/>
      <c r="C57" s="55"/>
      <c r="D57" s="55"/>
      <c r="E57" s="55"/>
      <c r="F57" s="55"/>
      <c r="G57" s="56"/>
      <c r="H57" s="56"/>
      <c r="I57" s="57"/>
      <c r="J57" s="57"/>
      <c r="K57" s="57"/>
      <c r="L57" s="57"/>
      <c r="M57" s="57"/>
      <c r="N57" s="57"/>
      <c r="O57" s="57"/>
      <c r="P57" s="57"/>
      <c r="Q57" s="57"/>
      <c r="R57" s="57"/>
      <c r="S57" s="57"/>
      <c r="T57" s="57"/>
      <c r="U57" s="57"/>
      <c r="V57" s="57"/>
      <c r="W57" s="57"/>
      <c r="X57" s="57"/>
      <c r="Y57" s="57"/>
      <c r="Z57" s="57"/>
      <c r="AA57" s="57"/>
      <c r="AB57" s="57"/>
      <c r="AC57" s="57"/>
      <c r="AD57" s="57"/>
      <c r="AE57" s="57"/>
      <c r="AF57" s="57"/>
      <c r="AG57" s="57"/>
      <c r="AH57" s="57"/>
      <c r="AI57" s="57"/>
      <c r="AJ57" s="57"/>
      <c r="AK57" s="57"/>
      <c r="AL57" s="57"/>
      <c r="AM57" s="57"/>
      <c r="AN57" s="57"/>
      <c r="AO57" s="57"/>
      <c r="AP57" s="57"/>
      <c r="AQ57" s="57"/>
      <c r="AR57" s="58"/>
    </row>
    <row r="58" spans="2:44" s="16" customFormat="1" ht="13.35" customHeight="1">
      <c r="G58" s="59"/>
      <c r="H58" s="60"/>
      <c r="N58" s="155"/>
      <c r="O58" s="155"/>
      <c r="P58" s="155"/>
    </row>
    <row r="59" spans="2:44" s="16" customFormat="1" ht="13.35" customHeight="1">
      <c r="C59" s="61"/>
      <c r="G59" s="59"/>
      <c r="H59" s="60"/>
    </row>
    <row r="60" spans="2:44" s="16" customFormat="1" ht="13.35" customHeight="1">
      <c r="G60" s="59"/>
      <c r="H60" s="60"/>
    </row>
    <row r="61" spans="2:44" s="16" customFormat="1" ht="13.35" customHeight="1">
      <c r="G61" s="59"/>
      <c r="H61" s="60"/>
    </row>
    <row r="62" spans="2:44" s="16" customFormat="1" ht="13.35" customHeight="1">
      <c r="G62" s="59"/>
      <c r="H62" s="60"/>
    </row>
    <row r="63" spans="2:44" s="16" customFormat="1" ht="20.25" customHeight="1"/>
    <row r="64" spans="2:44" s="16" customFormat="1" ht="20.25" customHeight="1"/>
    <row r="65" s="16" customFormat="1" ht="20.25" customHeight="1"/>
    <row r="66" s="16" customFormat="1" ht="20.25" customHeight="1"/>
    <row r="67" s="16" customFormat="1" ht="20.25" customHeight="1"/>
    <row r="68" s="16" customFormat="1" ht="20.25" customHeight="1"/>
    <row r="69" s="16" customFormat="1" ht="20.25" customHeight="1"/>
    <row r="70" s="16" customFormat="1" ht="20.25" customHeight="1"/>
    <row r="71" s="16" customFormat="1" ht="20.25" customHeight="1"/>
    <row r="72" s="16" customFormat="1" ht="20.25" customHeight="1"/>
    <row r="73" s="16" customFormat="1" ht="20.25" customHeight="1"/>
    <row r="74" s="16" customFormat="1" ht="20.25" customHeight="1"/>
    <row r="75" s="16" customFormat="1" ht="20.25" customHeight="1"/>
    <row r="76" s="16" customFormat="1" ht="10.199999999999999" customHeight="1"/>
    <row r="77" s="16" customFormat="1" ht="10.199999999999999" customHeight="1"/>
    <row r="78" s="16" customFormat="1" ht="20.25" customHeight="1"/>
    <row r="79" s="16" customFormat="1" ht="10.199999999999999" customHeight="1"/>
    <row r="80" s="16" customFormat="1" ht="10.199999999999999" customHeight="1"/>
    <row r="81" s="16" customFormat="1" ht="20.25" customHeight="1"/>
    <row r="82" s="16" customFormat="1" ht="10.199999999999999" customHeight="1"/>
    <row r="83" s="16" customFormat="1" ht="10.199999999999999" customHeight="1"/>
    <row r="84" s="16" customFormat="1" ht="20.25" customHeight="1"/>
    <row r="85" s="16" customFormat="1" ht="10.199999999999999" customHeight="1"/>
    <row r="86" s="16" customFormat="1" ht="10.199999999999999" customHeight="1"/>
    <row r="87" s="16" customFormat="1" ht="20.25" customHeight="1"/>
    <row r="88" s="16" customFormat="1" ht="20.25" customHeight="1"/>
    <row r="89" s="16" customFormat="1" ht="20.25" customHeight="1"/>
    <row r="90" s="16" customFormat="1" ht="20.25" customHeight="1"/>
    <row r="91" s="16" customFormat="1" ht="20.25" customHeight="1"/>
    <row r="92" s="16" customFormat="1" ht="20.25" customHeight="1"/>
    <row r="93" s="16" customFormat="1" ht="20.25" customHeight="1"/>
    <row r="94" s="16" customFormat="1" ht="20.25" customHeight="1"/>
    <row r="95" s="16" customFormat="1" ht="20.25" customHeight="1"/>
    <row r="96" s="16" customFormat="1" ht="20.25" customHeight="1"/>
    <row r="97" s="16" customFormat="1" ht="20.25" customHeight="1"/>
    <row r="98" s="16" customFormat="1" ht="20.25" customHeight="1"/>
    <row r="99" s="16" customFormat="1" ht="20.25" customHeight="1"/>
    <row r="100" s="16" customFormat="1" ht="19.95" customHeight="1"/>
    <row r="101" s="16" customFormat="1" ht="19.95" customHeight="1"/>
    <row r="102" s="16" customFormat="1" ht="20.25" customHeight="1"/>
    <row r="103" s="16" customFormat="1" ht="20.25" customHeight="1"/>
    <row r="104" s="16" customFormat="1" ht="20.25" customHeight="1"/>
    <row r="105" s="16" customFormat="1" ht="20.25" customHeight="1"/>
    <row r="106" s="16" customFormat="1" ht="20.25" customHeight="1"/>
    <row r="107" s="16" customFormat="1" ht="20.25" customHeight="1"/>
    <row r="108" s="16" customFormat="1" ht="20.25" customHeight="1"/>
    <row r="109" s="16" customFormat="1" ht="20.25" customHeight="1"/>
    <row r="110" s="16" customFormat="1" ht="20.25" customHeight="1"/>
    <row r="111" s="16" customFormat="1" ht="20.25" customHeight="1"/>
    <row r="112" s="16" customFormat="1" ht="20.25" customHeight="1"/>
    <row r="113" s="16" customFormat="1" ht="20.25" customHeight="1"/>
    <row r="114" s="16" customFormat="1" ht="20.25" customHeight="1"/>
    <row r="115" s="16" customFormat="1" ht="20.25" customHeight="1"/>
    <row r="116" s="16" customFormat="1" ht="20.25" customHeight="1"/>
    <row r="117" s="16" customFormat="1" ht="20.25" customHeight="1"/>
    <row r="118" s="16" customFormat="1" ht="20.25" customHeight="1"/>
    <row r="119" s="16" customFormat="1" ht="20.25" customHeight="1"/>
    <row r="120" s="16" customFormat="1" ht="20.25" customHeight="1"/>
    <row r="121" s="16" customFormat="1" ht="20.25" customHeight="1"/>
    <row r="122" s="16" customFormat="1" ht="20.25" customHeight="1"/>
    <row r="123" s="16" customFormat="1" ht="20.25" customHeight="1"/>
    <row r="124" s="16" customFormat="1" ht="20.25" customHeight="1"/>
    <row r="125" s="16" customFormat="1" ht="20.25" customHeight="1"/>
    <row r="126" s="16" customFormat="1" ht="20.25" customHeight="1"/>
    <row r="127" s="16" customFormat="1" ht="20.25" customHeight="1"/>
    <row r="128" s="16" customFormat="1" ht="20.25" customHeight="1"/>
    <row r="129" s="16" customFormat="1" ht="20.25" customHeight="1"/>
    <row r="130" s="16" customFormat="1" ht="20.25" customHeight="1"/>
    <row r="131" s="16" customFormat="1" ht="20.25" customHeight="1"/>
    <row r="132" s="16" customFormat="1" ht="20.25" customHeight="1"/>
    <row r="133" s="16" customFormat="1" ht="20.25" customHeight="1"/>
    <row r="134" s="16" customFormat="1" ht="20.25" customHeight="1"/>
    <row r="135" s="16" customFormat="1" ht="20.25" customHeight="1"/>
    <row r="136" s="16" customFormat="1" ht="20.25" customHeight="1"/>
    <row r="137" s="16" customFormat="1" ht="20.25" customHeight="1"/>
    <row r="138" s="16" customFormat="1" ht="20.25" customHeight="1"/>
    <row r="139" s="16" customFormat="1" ht="20.25" customHeight="1"/>
    <row r="140" s="16" customFormat="1" ht="20.25" customHeight="1"/>
    <row r="141" s="16" customFormat="1" ht="20.25" customHeight="1"/>
    <row r="142" s="16" customFormat="1" ht="20.25" customHeight="1"/>
    <row r="143" s="16" customFormat="1" ht="20.25" customHeight="1"/>
    <row r="144" s="16" customFormat="1" ht="20.25" customHeight="1"/>
    <row r="145" s="16" customFormat="1" ht="20.25" customHeight="1"/>
    <row r="146" s="16" customFormat="1" ht="20.25" customHeight="1"/>
    <row r="147" s="16" customFormat="1" ht="20.25" customHeight="1"/>
    <row r="148" s="16" customFormat="1" ht="20.25" customHeight="1"/>
    <row r="149" s="16" customFormat="1" ht="20.25" customHeight="1"/>
    <row r="150" s="16" customFormat="1" ht="20.25" customHeight="1"/>
    <row r="151" s="16" customFormat="1" ht="20.25" customHeight="1"/>
    <row r="152" s="16" customFormat="1" ht="20.25" customHeight="1"/>
    <row r="153" s="16" customFormat="1" ht="20.25" customHeight="1"/>
    <row r="154" s="16" customFormat="1" ht="20.25" customHeight="1"/>
    <row r="155" s="16" customFormat="1" ht="20.25" customHeight="1"/>
    <row r="156" s="16" customFormat="1" ht="20.25" customHeight="1"/>
    <row r="157" s="16" customFormat="1" ht="20.25" customHeight="1"/>
    <row r="158" s="16" customFormat="1" ht="20.25" customHeight="1"/>
    <row r="159" s="16" customFormat="1" ht="20.25" customHeight="1"/>
    <row r="160" s="16" customFormat="1" ht="20.25" customHeight="1"/>
    <row r="161" s="16" customFormat="1" ht="20.25" customHeight="1"/>
    <row r="162" s="16" customFormat="1" ht="20.25" customHeight="1"/>
    <row r="163" s="16" customFormat="1" ht="20.25" customHeight="1"/>
    <row r="164" s="16" customFormat="1" ht="20.25" customHeight="1"/>
    <row r="165" s="16" customFormat="1" ht="20.25" customHeight="1"/>
    <row r="166" s="16" customFormat="1" ht="20.25" customHeight="1"/>
    <row r="167" s="16" customFormat="1" ht="20.25" customHeight="1"/>
    <row r="168" s="16" customFormat="1" ht="20.25" customHeight="1"/>
    <row r="169" s="16" customFormat="1" ht="20.25" customHeight="1"/>
    <row r="170" s="16" customFormat="1" ht="20.25" customHeight="1"/>
    <row r="171" s="16" customFormat="1" ht="20.25" customHeight="1"/>
    <row r="172" s="16" customFormat="1" ht="20.25" customHeight="1"/>
    <row r="173" s="16" customFormat="1" ht="20.25" customHeight="1"/>
    <row r="174" s="16" customFormat="1" ht="20.25" customHeight="1"/>
    <row r="175" s="16" customFormat="1" ht="20.25" customHeight="1"/>
    <row r="176" s="16" customFormat="1" ht="20.25" customHeight="1"/>
    <row r="177" s="16" customFormat="1" ht="20.25" customHeight="1"/>
    <row r="178" s="16" customFormat="1" ht="20.25" customHeight="1"/>
    <row r="179" s="16" customFormat="1" ht="20.25" customHeight="1"/>
    <row r="180" s="16" customFormat="1" ht="20.25" customHeight="1"/>
    <row r="181" s="16" customFormat="1" ht="20.25" customHeight="1"/>
    <row r="182" s="16" customFormat="1" ht="20.25" customHeight="1"/>
    <row r="183" s="16" customFormat="1" ht="20.25" customHeight="1"/>
    <row r="184" s="16" customFormat="1" ht="20.25" customHeight="1"/>
    <row r="185" s="16" customFormat="1" ht="20.25" customHeight="1"/>
    <row r="186" s="16" customFormat="1" ht="20.25" customHeight="1"/>
    <row r="187" s="16" customFormat="1" ht="20.25" customHeight="1"/>
    <row r="188" s="16" customFormat="1" ht="19.95" customHeight="1"/>
    <row r="189" s="16" customFormat="1" ht="19.95" customHeight="1"/>
    <row r="190" s="16" customFormat="1" ht="20.25" customHeight="1"/>
    <row r="191" s="16" customFormat="1" ht="20.25" customHeight="1"/>
    <row r="192" s="16" customFormat="1" ht="20.25" customHeight="1"/>
    <row r="193" s="16" customFormat="1" ht="20.25" customHeight="1"/>
    <row r="194" s="16" customFormat="1" ht="20.25" customHeight="1"/>
    <row r="195" s="16" customFormat="1" ht="20.25" customHeight="1"/>
    <row r="196" s="16" customFormat="1" ht="20.25" customHeight="1"/>
    <row r="197" s="16" customFormat="1" ht="20.25" customHeight="1"/>
    <row r="198" s="16" customFormat="1" ht="20.25" customHeight="1"/>
    <row r="199" s="16" customFormat="1" ht="20.25" customHeight="1"/>
    <row r="200" s="16" customFormat="1" ht="20.25" customHeight="1"/>
    <row r="201" s="16" customFormat="1" ht="20.25" customHeight="1"/>
    <row r="202" s="16" customFormat="1" ht="19.95" customHeight="1"/>
    <row r="203" s="16" customFormat="1" ht="19.95" customHeight="1"/>
    <row r="204" s="16" customFormat="1" ht="20.25" customHeight="1"/>
    <row r="205" s="16" customFormat="1" ht="20.25" customHeight="1"/>
    <row r="206" s="16" customFormat="1" ht="20.25" customHeight="1"/>
    <row r="207" s="16" customFormat="1" ht="20.25" customHeight="1"/>
    <row r="208" s="16" customFormat="1" ht="20.25" customHeight="1"/>
    <row r="209" s="16" customFormat="1" ht="20.25" customHeight="1"/>
    <row r="210" s="16" customFormat="1" ht="20.25" customHeight="1"/>
    <row r="211" s="16" customFormat="1" ht="20.25" customHeight="1"/>
    <row r="212" s="16" customFormat="1" ht="20.25" customHeight="1"/>
    <row r="213" s="16" customFormat="1" ht="20.25" customHeight="1"/>
    <row r="214" s="16" customFormat="1" ht="20.25" customHeight="1"/>
    <row r="215" s="16" customFormat="1" ht="20.25" customHeight="1"/>
    <row r="216" s="16" customFormat="1" ht="20.25" customHeight="1"/>
    <row r="217" s="16" customFormat="1" ht="20.25" customHeight="1"/>
    <row r="218" s="16" customFormat="1" ht="20.25" customHeight="1"/>
    <row r="219" s="16" customFormat="1" ht="20.25" customHeight="1"/>
    <row r="220" s="16" customFormat="1" ht="20.25" customHeight="1"/>
    <row r="221" s="16" customFormat="1" ht="20.25" customHeight="1"/>
    <row r="222" s="16" customFormat="1" ht="20.25" customHeight="1"/>
    <row r="223" s="16" customFormat="1" ht="20.25" customHeight="1"/>
    <row r="224" s="16" customFormat="1" ht="20.25" customHeight="1"/>
    <row r="225" s="16" customFormat="1" ht="20.25" customHeight="1"/>
    <row r="226" s="16" customFormat="1" ht="20.25" customHeight="1"/>
    <row r="227" s="16" customFormat="1" ht="20.25" customHeight="1"/>
    <row r="228" s="16" customFormat="1" ht="10.199999999999999" customHeight="1"/>
    <row r="229" s="16" customFormat="1" ht="10.199999999999999" customHeight="1"/>
    <row r="230" s="16" customFormat="1" ht="20.25" customHeight="1"/>
    <row r="231" s="16" customFormat="1" ht="20.25" customHeight="1"/>
    <row r="232" s="16" customFormat="1" ht="20.25" customHeight="1"/>
    <row r="233" s="16" customFormat="1" ht="20.25" customHeight="1"/>
    <row r="234" s="16" customFormat="1" ht="20.25" customHeight="1"/>
    <row r="235" s="16" customFormat="1" ht="20.25" customHeight="1"/>
    <row r="236" s="16" customFormat="1" ht="20.25" customHeight="1"/>
    <row r="237" s="16" customFormat="1" ht="20.25" customHeight="1"/>
    <row r="238" s="16" customFormat="1" ht="20.25" customHeight="1"/>
    <row r="239" s="16" customFormat="1" ht="12.75" customHeight="1"/>
    <row r="240" s="16" customFormat="1" ht="20.25" customHeight="1"/>
    <row r="241" s="16" customFormat="1" ht="20.25" customHeight="1"/>
    <row r="242" s="16" customFormat="1" ht="10.199999999999999" customHeight="1"/>
    <row r="243" s="16" customFormat="1" ht="10.199999999999999" customHeight="1"/>
    <row r="244" s="16" customFormat="1" ht="20.25" customHeight="1"/>
    <row r="245" s="16" customFormat="1" ht="20.25" customHeight="1"/>
    <row r="246" s="16" customFormat="1" ht="20.25" customHeight="1"/>
    <row r="247" s="16" customFormat="1" ht="20.25" customHeight="1"/>
    <row r="248" s="16" customFormat="1" ht="20.25" customHeight="1"/>
    <row r="249" s="16" customFormat="1" ht="20.25" customHeight="1"/>
    <row r="250" s="16" customFormat="1" ht="20.25" customHeight="1"/>
    <row r="251" s="16" customFormat="1" ht="20.25" customHeight="1"/>
    <row r="252" s="16" customFormat="1" ht="12" customHeight="1"/>
    <row r="253" s="16" customFormat="1" ht="10.199999999999999" customHeight="1"/>
    <row r="254" s="16" customFormat="1" ht="10.199999999999999" customHeight="1"/>
    <row r="255" s="16" customFormat="1" ht="20.25" customHeight="1"/>
    <row r="256" s="16" customFormat="1" ht="10.199999999999999" customHeight="1"/>
    <row r="257" s="16" customFormat="1" ht="10.199999999999999" customHeight="1"/>
    <row r="258" s="16" customFormat="1" ht="20.25" customHeight="1"/>
    <row r="259" s="16" customFormat="1" ht="10.199999999999999" customHeight="1"/>
    <row r="260" s="16" customFormat="1" ht="10.199999999999999" customHeight="1"/>
    <row r="261" s="16" customFormat="1" ht="20.25" customHeight="1"/>
    <row r="262" s="16" customFormat="1" ht="10.199999999999999" customHeight="1"/>
    <row r="263" s="16" customFormat="1" ht="10.199999999999999" customHeight="1"/>
    <row r="264" s="16" customFormat="1" ht="20.25" customHeight="1"/>
    <row r="265" s="16" customFormat="1" ht="10.199999999999999" customHeight="1"/>
    <row r="266" s="16" customFormat="1" ht="10.199999999999999" customHeight="1"/>
    <row r="267" s="16" customFormat="1" ht="20.25" customHeight="1"/>
    <row r="268" s="16" customFormat="1" ht="20.25" customHeight="1"/>
    <row r="269" s="16" customFormat="1" ht="10.199999999999999" customHeight="1"/>
    <row r="270" s="16" customFormat="1" ht="10.199999999999999" customHeight="1"/>
    <row r="271" s="16" customFormat="1" ht="20.25" customHeight="1"/>
    <row r="272" s="16" customFormat="1" ht="10.199999999999999" customHeight="1"/>
    <row r="273" s="16" customFormat="1" ht="10.199999999999999" customHeight="1"/>
    <row r="274" s="16" customFormat="1" ht="20.25" customHeight="1"/>
    <row r="275" s="16" customFormat="1" ht="10.199999999999999" customHeight="1"/>
    <row r="276" s="16" customFormat="1" ht="10.199999999999999" customHeight="1"/>
    <row r="277" s="16" customFormat="1" ht="20.25" customHeight="1"/>
    <row r="278" s="16" customFormat="1" ht="20.25" customHeight="1"/>
    <row r="279" s="16" customFormat="1" ht="20.25" customHeight="1"/>
    <row r="280" s="16" customFormat="1" ht="20.25" customHeight="1"/>
    <row r="281" s="16" customFormat="1" ht="20.25" customHeight="1"/>
    <row r="282" s="16" customFormat="1" ht="20.25" customHeight="1"/>
    <row r="283" s="16" customFormat="1" ht="20.25" customHeight="1"/>
    <row r="284" s="16" customFormat="1" ht="20.25" customHeight="1"/>
    <row r="285" s="16" customFormat="1" ht="20.25" customHeight="1"/>
    <row r="286" s="16" customFormat="1" ht="20.25" customHeight="1"/>
    <row r="287" s="16" customFormat="1" ht="20.25" customHeight="1"/>
    <row r="288" s="16" customFormat="1" ht="10.199999999999999" customHeight="1"/>
    <row r="289" s="16" customFormat="1" ht="10.199999999999999" customHeight="1"/>
    <row r="290" s="16" customFormat="1" ht="20.25" customHeight="1"/>
    <row r="291" s="16" customFormat="1" ht="20.25" customHeight="1"/>
    <row r="292" s="16" customFormat="1" ht="20.25" customHeight="1"/>
    <row r="293" s="16" customFormat="1" ht="10.199999999999999" customHeight="1"/>
    <row r="294" s="16" customFormat="1" ht="10.199999999999999" customHeight="1"/>
    <row r="295" s="16" customFormat="1" ht="20.25" customHeight="1"/>
    <row r="296" s="16" customFormat="1" ht="10.199999999999999" customHeight="1"/>
    <row r="297" s="16" customFormat="1" ht="10.199999999999999" customHeight="1"/>
    <row r="298" s="16" customFormat="1" ht="20.25" customHeight="1"/>
    <row r="299" s="16" customFormat="1" ht="10.199999999999999" customHeight="1"/>
    <row r="300" s="16" customFormat="1" ht="10.199999999999999" customHeight="1"/>
    <row r="301" s="16" customFormat="1" ht="20.25" customHeight="1"/>
    <row r="302" s="16" customFormat="1" ht="10.199999999999999" customHeight="1"/>
    <row r="303" s="16" customFormat="1" ht="10.199999999999999" customHeight="1"/>
    <row r="304" s="16" customFormat="1" ht="12" customHeight="1"/>
    <row r="305" s="16" customFormat="1" ht="20.25" customHeight="1"/>
    <row r="306" s="16" customFormat="1" ht="20.25" customHeight="1"/>
    <row r="307" s="16" customFormat="1" ht="10.199999999999999" customHeight="1"/>
    <row r="308" s="16" customFormat="1" ht="10.199999999999999" customHeight="1"/>
    <row r="309" s="16" customFormat="1" ht="10.199999999999999" customHeight="1"/>
    <row r="310" s="16" customFormat="1" ht="20.25" customHeight="1"/>
    <row r="311" s="16" customFormat="1" ht="20.25" customHeight="1"/>
    <row r="312" s="16" customFormat="1" ht="20.25" customHeight="1"/>
    <row r="313" s="16" customFormat="1" ht="20.25" customHeight="1"/>
    <row r="314" s="16" customFormat="1" ht="20.25" customHeight="1"/>
    <row r="315" s="16" customFormat="1" ht="12" customHeight="1"/>
    <row r="316" s="16" customFormat="1" ht="20.25" customHeight="1"/>
    <row r="317" s="16" customFormat="1" ht="20.25" customHeight="1"/>
    <row r="318" s="16" customFormat="1" ht="20.25" customHeight="1"/>
    <row r="319" s="16" customFormat="1" ht="20.25" customHeight="1"/>
    <row r="320" s="16" customFormat="1" ht="20.25" customHeight="1"/>
    <row r="321" s="16" customFormat="1" ht="20.25" customHeight="1"/>
    <row r="322" s="16" customFormat="1" ht="20.25" customHeight="1"/>
    <row r="323" s="16" customFormat="1" ht="20.25" customHeight="1"/>
    <row r="324" s="16" customFormat="1" ht="20.25" customHeight="1"/>
    <row r="325" s="16" customFormat="1" ht="20.25" customHeight="1"/>
    <row r="326" s="16" customFormat="1" ht="20.25" customHeight="1"/>
  </sheetData>
  <mergeCells count="20">
    <mergeCell ref="N58:P58"/>
    <mergeCell ref="AG6:AI6"/>
    <mergeCell ref="AJ6:AL6"/>
    <mergeCell ref="L6:N6"/>
    <mergeCell ref="O6:Q6"/>
    <mergeCell ref="R6:T6"/>
    <mergeCell ref="U6:W6"/>
    <mergeCell ref="X6:Z6"/>
    <mergeCell ref="AA6:AC6"/>
    <mergeCell ref="AN1:AQ1"/>
    <mergeCell ref="C9:D9"/>
    <mergeCell ref="G6:G7"/>
    <mergeCell ref="H6:H7"/>
    <mergeCell ref="B6:D7"/>
    <mergeCell ref="F6:F7"/>
    <mergeCell ref="E6:E7"/>
    <mergeCell ref="I6:K6"/>
    <mergeCell ref="AP6:AR6"/>
    <mergeCell ref="AM6:AO6"/>
    <mergeCell ref="AD6:AF6"/>
  </mergeCells>
  <phoneticPr fontId="3"/>
  <printOptions horizontalCentered="1"/>
  <pageMargins left="0.59055118110236227" right="0.59055118110236227" top="0.78740157480314965" bottom="0.59055118110236227" header="0.51181102362204722" footer="0.51181102362204722"/>
  <pageSetup paperSize="8" fitToHeight="10" orientation="landscape" r:id="rId1"/>
  <headerFooter alignWithMargins="0"/>
  <rowBreaks count="5" manualBreakCount="5">
    <brk id="86" max="16383" man="1"/>
    <brk id="131" max="16383" man="1"/>
    <brk id="171" max="16383" man="1"/>
    <brk id="238" max="16383" man="1"/>
    <brk id="303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BM335"/>
  <sheetViews>
    <sheetView view="pageBreakPreview" topLeftCell="A47" zoomScaleNormal="75" zoomScaleSheetLayoutView="100" workbookViewId="0">
      <selection activeCell="G3" sqref="G3"/>
    </sheetView>
  </sheetViews>
  <sheetFormatPr defaultColWidth="8" defaultRowHeight="12"/>
  <cols>
    <col min="1" max="1" width="1.6640625" style="2" customWidth="1"/>
    <col min="2" max="2" width="2.88671875" style="2" customWidth="1"/>
    <col min="3" max="3" width="5" style="2" customWidth="1"/>
    <col min="4" max="4" width="16.33203125" style="2" customWidth="1"/>
    <col min="5" max="5" width="8.88671875" style="2" customWidth="1"/>
    <col min="6" max="6" width="12.6640625" style="2" customWidth="1"/>
    <col min="7" max="7" width="50.44140625" style="2" customWidth="1"/>
    <col min="8" max="8" width="6.33203125" style="2" customWidth="1"/>
    <col min="9" max="9" width="7.6640625" style="96" customWidth="1"/>
    <col min="10" max="30" width="2.33203125" style="2" customWidth="1"/>
    <col min="31" max="31" width="2.21875" style="2" customWidth="1"/>
    <col min="32" max="65" width="2.33203125" style="2" customWidth="1"/>
    <col min="66" max="75" width="4" style="2" customWidth="1"/>
    <col min="76" max="16384" width="8" style="2"/>
  </cols>
  <sheetData>
    <row r="1" spans="2:65">
      <c r="BH1" s="140"/>
      <c r="BI1" s="140"/>
      <c r="BJ1" s="140"/>
      <c r="BK1" s="140"/>
      <c r="BL1" s="140"/>
    </row>
    <row r="2" spans="2:65" ht="16.2">
      <c r="B2" s="3" t="s">
        <v>78</v>
      </c>
    </row>
    <row r="3" spans="2:65" ht="12" customHeight="1">
      <c r="B3" s="4"/>
      <c r="G3" s="5"/>
    </row>
    <row r="4" spans="2:65" ht="14.4">
      <c r="B4" s="5" t="s">
        <v>72</v>
      </c>
    </row>
    <row r="5" spans="2:65" ht="12" customHeight="1" thickBot="1">
      <c r="B5" s="62"/>
    </row>
    <row r="6" spans="2:65">
      <c r="B6" s="145" t="s">
        <v>76</v>
      </c>
      <c r="C6" s="146"/>
      <c r="D6" s="147"/>
      <c r="E6" s="143" t="s">
        <v>34</v>
      </c>
      <c r="F6" s="143" t="s">
        <v>77</v>
      </c>
      <c r="G6" s="143" t="s">
        <v>19</v>
      </c>
      <c r="H6" s="143" t="s">
        <v>20</v>
      </c>
      <c r="I6" s="157" t="s">
        <v>35</v>
      </c>
      <c r="J6" s="156">
        <v>0.25</v>
      </c>
      <c r="K6" s="152"/>
      <c r="L6" s="152"/>
      <c r="M6" s="153"/>
      <c r="N6" s="156">
        <v>0.29166666666666669</v>
      </c>
      <c r="O6" s="152"/>
      <c r="P6" s="152"/>
      <c r="Q6" s="153"/>
      <c r="R6" s="156">
        <v>0.33333333333333331</v>
      </c>
      <c r="S6" s="152"/>
      <c r="T6" s="152"/>
      <c r="U6" s="153"/>
      <c r="V6" s="156">
        <v>0.375</v>
      </c>
      <c r="W6" s="152"/>
      <c r="X6" s="152"/>
      <c r="Y6" s="153"/>
      <c r="Z6" s="156">
        <v>0.41666666666666669</v>
      </c>
      <c r="AA6" s="152"/>
      <c r="AB6" s="152"/>
      <c r="AC6" s="153"/>
      <c r="AD6" s="156">
        <v>0.45833333333333331</v>
      </c>
      <c r="AE6" s="152"/>
      <c r="AF6" s="152"/>
      <c r="AG6" s="153"/>
      <c r="AH6" s="156">
        <v>0.5</v>
      </c>
      <c r="AI6" s="152"/>
      <c r="AJ6" s="152"/>
      <c r="AK6" s="153"/>
      <c r="AL6" s="156">
        <v>0.54166666666666663</v>
      </c>
      <c r="AM6" s="152"/>
      <c r="AN6" s="152"/>
      <c r="AO6" s="153"/>
      <c r="AP6" s="156">
        <v>0.58333333333333337</v>
      </c>
      <c r="AQ6" s="152"/>
      <c r="AR6" s="152"/>
      <c r="AS6" s="153"/>
      <c r="AT6" s="156">
        <v>0.625</v>
      </c>
      <c r="AU6" s="152"/>
      <c r="AV6" s="152"/>
      <c r="AW6" s="153"/>
      <c r="AX6" s="156">
        <v>0.66666666666666663</v>
      </c>
      <c r="AY6" s="152"/>
      <c r="AZ6" s="152"/>
      <c r="BA6" s="153"/>
      <c r="BB6" s="156">
        <v>0.70833333333333337</v>
      </c>
      <c r="BC6" s="152"/>
      <c r="BD6" s="152"/>
      <c r="BE6" s="153"/>
      <c r="BF6" s="156">
        <v>0.75</v>
      </c>
      <c r="BG6" s="152"/>
      <c r="BH6" s="152"/>
      <c r="BI6" s="153"/>
      <c r="BJ6" s="156">
        <v>0.79166666666666663</v>
      </c>
      <c r="BK6" s="152"/>
      <c r="BL6" s="152"/>
      <c r="BM6" s="154"/>
    </row>
    <row r="7" spans="2:65" ht="12.6" thickBot="1">
      <c r="B7" s="148"/>
      <c r="C7" s="149"/>
      <c r="D7" s="150"/>
      <c r="E7" s="144"/>
      <c r="F7" s="144"/>
      <c r="G7" s="144"/>
      <c r="H7" s="144"/>
      <c r="I7" s="158"/>
      <c r="J7" s="6"/>
      <c r="K7" s="7"/>
      <c r="L7" s="7"/>
      <c r="M7" s="8"/>
      <c r="N7" s="63"/>
      <c r="O7" s="7"/>
      <c r="P7" s="7"/>
      <c r="Q7" s="8"/>
      <c r="R7" s="8"/>
      <c r="S7" s="7"/>
      <c r="T7" s="7"/>
      <c r="U7" s="8"/>
      <c r="V7" s="8"/>
      <c r="W7" s="7"/>
      <c r="X7" s="7"/>
      <c r="Y7" s="8"/>
      <c r="Z7" s="8"/>
      <c r="AA7" s="7"/>
      <c r="AB7" s="7"/>
      <c r="AC7" s="8"/>
      <c r="AD7" s="8"/>
      <c r="AE7" s="7"/>
      <c r="AF7" s="7"/>
      <c r="AG7" s="8"/>
      <c r="AH7" s="8"/>
      <c r="AI7" s="7"/>
      <c r="AJ7" s="7"/>
      <c r="AK7" s="8"/>
      <c r="AL7" s="8"/>
      <c r="AM7" s="7"/>
      <c r="AN7" s="7"/>
      <c r="AO7" s="8"/>
      <c r="AP7" s="8"/>
      <c r="AQ7" s="7"/>
      <c r="AR7" s="7"/>
      <c r="AS7" s="8"/>
      <c r="AT7" s="8"/>
      <c r="AU7" s="7"/>
      <c r="AV7" s="7"/>
      <c r="AW7" s="8"/>
      <c r="AX7" s="8"/>
      <c r="AY7" s="7"/>
      <c r="AZ7" s="7"/>
      <c r="BA7" s="8"/>
      <c r="BB7" s="8"/>
      <c r="BC7" s="7"/>
      <c r="BD7" s="7"/>
      <c r="BE7" s="8"/>
      <c r="BF7" s="64"/>
      <c r="BG7" s="7"/>
      <c r="BH7" s="7"/>
      <c r="BI7" s="65"/>
      <c r="BJ7" s="64"/>
      <c r="BK7" s="7"/>
      <c r="BL7" s="7"/>
      <c r="BM7" s="66"/>
    </row>
    <row r="8" spans="2:65" s="16" customFormat="1" ht="13.35" customHeight="1">
      <c r="B8" s="11" t="s">
        <v>25</v>
      </c>
      <c r="C8" s="12"/>
      <c r="D8" s="12"/>
      <c r="E8" s="13"/>
      <c r="F8" s="12"/>
      <c r="G8" s="12"/>
      <c r="H8" s="13"/>
      <c r="I8" s="97"/>
      <c r="J8" s="14"/>
      <c r="K8" s="13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3"/>
      <c r="AS8" s="13"/>
      <c r="AT8" s="13"/>
      <c r="AU8" s="13"/>
      <c r="AV8" s="13"/>
      <c r="AW8" s="13"/>
      <c r="AX8" s="13"/>
      <c r="AY8" s="13"/>
      <c r="AZ8" s="13"/>
      <c r="BA8" s="13"/>
      <c r="BB8" s="13"/>
      <c r="BC8" s="13"/>
      <c r="BD8" s="13"/>
      <c r="BE8" s="13"/>
      <c r="BF8" s="13"/>
      <c r="BG8" s="13"/>
      <c r="BH8" s="13"/>
      <c r="BI8" s="13"/>
      <c r="BJ8" s="13"/>
      <c r="BK8" s="13"/>
      <c r="BL8" s="13"/>
      <c r="BM8" s="67"/>
    </row>
    <row r="9" spans="2:65" s="16" customFormat="1" ht="13.35" customHeight="1">
      <c r="B9" s="17"/>
      <c r="C9" s="141" t="s">
        <v>26</v>
      </c>
      <c r="D9" s="142"/>
      <c r="E9" s="68">
        <v>161.6</v>
      </c>
      <c r="F9" s="20" t="s">
        <v>36</v>
      </c>
      <c r="G9" s="20" t="s">
        <v>79</v>
      </c>
      <c r="H9" s="27" t="s">
        <v>80</v>
      </c>
      <c r="I9" s="98" t="s">
        <v>37</v>
      </c>
      <c r="J9" s="22"/>
      <c r="K9" s="22"/>
      <c r="L9" s="22"/>
      <c r="M9" s="22"/>
      <c r="N9" s="22"/>
      <c r="O9" s="22"/>
      <c r="P9" s="22"/>
      <c r="Q9" s="22"/>
      <c r="R9" s="22"/>
      <c r="S9" s="22"/>
      <c r="T9" s="22"/>
      <c r="U9" s="131"/>
      <c r="V9" s="131"/>
      <c r="W9" s="131"/>
      <c r="X9" s="131"/>
      <c r="Y9" s="22"/>
      <c r="Z9" s="22"/>
      <c r="AA9" s="22"/>
      <c r="AB9" s="22"/>
      <c r="AC9" s="22"/>
      <c r="AD9" s="22"/>
      <c r="AE9" s="22"/>
      <c r="AF9" s="22"/>
      <c r="AG9" s="22"/>
      <c r="AH9" s="22"/>
      <c r="AI9" s="22"/>
      <c r="AJ9" s="22"/>
      <c r="AK9" s="22"/>
      <c r="AL9" s="22"/>
      <c r="AM9" s="22"/>
      <c r="AN9" s="22"/>
      <c r="AO9" s="22"/>
      <c r="AP9" s="22"/>
      <c r="AQ9" s="22"/>
      <c r="AR9" s="22"/>
      <c r="AS9" s="22"/>
      <c r="AT9" s="22"/>
      <c r="AU9" s="22"/>
      <c r="AV9" s="22"/>
      <c r="AW9" s="22"/>
      <c r="AX9" s="22"/>
      <c r="AY9" s="22"/>
      <c r="AZ9" s="22"/>
      <c r="BA9" s="22"/>
      <c r="BB9" s="22"/>
      <c r="BC9" s="22"/>
      <c r="BD9" s="22"/>
      <c r="BE9" s="24"/>
      <c r="BF9" s="22"/>
      <c r="BG9" s="22"/>
      <c r="BH9" s="22"/>
      <c r="BI9" s="22"/>
      <c r="BJ9" s="22"/>
      <c r="BK9" s="22"/>
      <c r="BL9" s="22"/>
      <c r="BM9" s="69"/>
    </row>
    <row r="10" spans="2:65" s="16" customFormat="1" ht="13.35" customHeight="1">
      <c r="B10" s="17"/>
      <c r="C10" s="70" t="s">
        <v>30</v>
      </c>
      <c r="D10" s="71"/>
      <c r="E10" s="72"/>
      <c r="F10" s="20" t="s">
        <v>33</v>
      </c>
      <c r="G10" s="20" t="s">
        <v>38</v>
      </c>
      <c r="H10" s="27" t="s">
        <v>80</v>
      </c>
      <c r="I10" s="98" t="s">
        <v>37</v>
      </c>
      <c r="J10" s="22"/>
      <c r="K10" s="22"/>
      <c r="L10" s="22"/>
      <c r="M10" s="22"/>
      <c r="N10" s="22"/>
      <c r="O10" s="22"/>
      <c r="P10" s="22"/>
      <c r="Q10" s="22"/>
      <c r="R10" s="22"/>
      <c r="S10" s="22"/>
      <c r="T10" s="22"/>
      <c r="U10" s="131"/>
      <c r="V10" s="131"/>
      <c r="W10" s="22"/>
      <c r="X10" s="22"/>
      <c r="Y10" s="22"/>
      <c r="Z10" s="22"/>
      <c r="AA10" s="22"/>
      <c r="AB10" s="22"/>
      <c r="AC10" s="22"/>
      <c r="AD10" s="22"/>
      <c r="AE10" s="22"/>
      <c r="AF10" s="22"/>
      <c r="AG10" s="22"/>
      <c r="AH10" s="22"/>
      <c r="AI10" s="22"/>
      <c r="AJ10" s="22"/>
      <c r="AK10" s="22"/>
      <c r="AL10" s="22"/>
      <c r="AM10" s="22"/>
      <c r="AN10" s="22"/>
      <c r="AO10" s="22"/>
      <c r="AP10" s="22"/>
      <c r="AQ10" s="22"/>
      <c r="AR10" s="22"/>
      <c r="AS10" s="22"/>
      <c r="AT10" s="22"/>
      <c r="AU10" s="22"/>
      <c r="AV10" s="22"/>
      <c r="AW10" s="22"/>
      <c r="AX10" s="22"/>
      <c r="AY10" s="22"/>
      <c r="AZ10" s="22"/>
      <c r="BA10" s="22"/>
      <c r="BB10" s="22"/>
      <c r="BC10" s="22"/>
      <c r="BD10" s="22"/>
      <c r="BE10" s="22"/>
      <c r="BF10" s="22"/>
      <c r="BG10" s="22"/>
      <c r="BH10" s="22"/>
      <c r="BI10" s="22"/>
      <c r="BJ10" s="22"/>
      <c r="BK10" s="22"/>
      <c r="BL10" s="22"/>
      <c r="BM10" s="69"/>
    </row>
    <row r="11" spans="2:65" s="16" customFormat="1" ht="13.35" customHeight="1">
      <c r="B11" s="17"/>
      <c r="C11" s="53"/>
      <c r="D11" s="35"/>
      <c r="E11" s="73"/>
      <c r="F11" s="32"/>
      <c r="G11" s="32"/>
      <c r="H11" s="33"/>
      <c r="I11" s="99"/>
      <c r="J11" s="31"/>
      <c r="K11" s="31"/>
      <c r="L11" s="31"/>
      <c r="M11" s="31"/>
      <c r="N11" s="31"/>
      <c r="O11" s="31"/>
      <c r="P11" s="31"/>
      <c r="Q11" s="31"/>
      <c r="R11" s="31"/>
      <c r="S11" s="31"/>
      <c r="T11" s="31"/>
      <c r="U11" s="31"/>
      <c r="V11" s="31"/>
      <c r="W11" s="31"/>
      <c r="X11" s="31"/>
      <c r="Y11" s="31"/>
      <c r="Z11" s="31"/>
      <c r="AA11" s="31"/>
      <c r="AB11" s="31"/>
      <c r="AC11" s="31"/>
      <c r="AD11" s="31"/>
      <c r="AE11" s="31"/>
      <c r="AF11" s="31"/>
      <c r="AG11" s="31"/>
      <c r="AH11" s="31"/>
      <c r="AI11" s="31"/>
      <c r="AJ11" s="31"/>
      <c r="AK11" s="31"/>
      <c r="AL11" s="31"/>
      <c r="AM11" s="31"/>
      <c r="AN11" s="31"/>
      <c r="AO11" s="31"/>
      <c r="AP11" s="31"/>
      <c r="AQ11" s="31"/>
      <c r="AR11" s="31"/>
      <c r="AS11" s="31"/>
      <c r="AT11" s="31"/>
      <c r="AU11" s="31"/>
      <c r="AV11" s="31"/>
      <c r="AW11" s="31"/>
      <c r="AX11" s="31"/>
      <c r="AY11" s="31"/>
      <c r="AZ11" s="31"/>
      <c r="BA11" s="31"/>
      <c r="BB11" s="31"/>
      <c r="BC11" s="31"/>
      <c r="BD11" s="31"/>
      <c r="BE11" s="31"/>
      <c r="BF11" s="31"/>
      <c r="BG11" s="31"/>
      <c r="BH11" s="31"/>
      <c r="BI11" s="31"/>
      <c r="BJ11" s="31"/>
      <c r="BK11" s="31"/>
      <c r="BL11" s="31"/>
      <c r="BM11" s="74"/>
    </row>
    <row r="12" spans="2:65" s="16" customFormat="1" ht="13.35" customHeight="1">
      <c r="B12" s="17"/>
      <c r="C12" s="31"/>
      <c r="D12" s="31"/>
      <c r="E12" s="75"/>
      <c r="F12" s="32"/>
      <c r="G12" s="32"/>
      <c r="H12" s="33"/>
      <c r="I12" s="99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  <c r="AD12" s="31"/>
      <c r="AE12" s="31"/>
      <c r="AF12" s="31"/>
      <c r="AG12" s="31"/>
      <c r="AH12" s="31"/>
      <c r="AI12" s="31"/>
      <c r="AJ12" s="31"/>
      <c r="AK12" s="31"/>
      <c r="AL12" s="31"/>
      <c r="AM12" s="31"/>
      <c r="AN12" s="31"/>
      <c r="AO12" s="31"/>
      <c r="AP12" s="31"/>
      <c r="AQ12" s="31"/>
      <c r="AR12" s="31"/>
      <c r="AS12" s="31"/>
      <c r="AT12" s="31"/>
      <c r="AU12" s="31"/>
      <c r="AV12" s="31"/>
      <c r="AW12" s="31"/>
      <c r="AX12" s="31"/>
      <c r="AY12" s="31"/>
      <c r="AZ12" s="31"/>
      <c r="BA12" s="31"/>
      <c r="BB12" s="31"/>
      <c r="BC12" s="31"/>
      <c r="BD12" s="31"/>
      <c r="BE12" s="31"/>
      <c r="BF12" s="31"/>
      <c r="BG12" s="31"/>
      <c r="BH12" s="31"/>
      <c r="BI12" s="31"/>
      <c r="BJ12" s="31"/>
      <c r="BK12" s="31"/>
      <c r="BL12" s="31"/>
      <c r="BM12" s="74"/>
    </row>
    <row r="13" spans="2:65" s="16" customFormat="1" ht="13.35" customHeight="1">
      <c r="B13" s="17"/>
      <c r="C13" s="31"/>
      <c r="D13" s="31"/>
      <c r="E13" s="75"/>
      <c r="F13" s="32"/>
      <c r="G13" s="32"/>
      <c r="H13" s="33"/>
      <c r="I13" s="99"/>
      <c r="J13" s="31"/>
      <c r="K13" s="31"/>
      <c r="L13" s="31"/>
      <c r="M13" s="31"/>
      <c r="N13" s="31"/>
      <c r="O13" s="31"/>
      <c r="P13" s="31"/>
      <c r="Q13" s="31"/>
      <c r="R13" s="31"/>
      <c r="S13" s="31"/>
      <c r="T13" s="31"/>
      <c r="U13" s="31"/>
      <c r="V13" s="31"/>
      <c r="W13" s="31"/>
      <c r="X13" s="31"/>
      <c r="Y13" s="31"/>
      <c r="Z13" s="31"/>
      <c r="AA13" s="31"/>
      <c r="AB13" s="31"/>
      <c r="AC13" s="31"/>
      <c r="AD13" s="31"/>
      <c r="AE13" s="31"/>
      <c r="AF13" s="31"/>
      <c r="AG13" s="31"/>
      <c r="AH13" s="31"/>
      <c r="AI13" s="31"/>
      <c r="AJ13" s="31"/>
      <c r="AK13" s="31"/>
      <c r="AL13" s="31"/>
      <c r="AM13" s="31"/>
      <c r="AN13" s="31"/>
      <c r="AO13" s="31"/>
      <c r="AP13" s="31"/>
      <c r="AQ13" s="31"/>
      <c r="AR13" s="31"/>
      <c r="AS13" s="31"/>
      <c r="AT13" s="31"/>
      <c r="AU13" s="31"/>
      <c r="AV13" s="31"/>
      <c r="AW13" s="31"/>
      <c r="AX13" s="31"/>
      <c r="AY13" s="31"/>
      <c r="AZ13" s="31"/>
      <c r="BA13" s="31"/>
      <c r="BB13" s="31"/>
      <c r="BC13" s="31"/>
      <c r="BD13" s="31"/>
      <c r="BE13" s="31"/>
      <c r="BF13" s="31"/>
      <c r="BG13" s="31"/>
      <c r="BH13" s="31"/>
      <c r="BI13" s="31"/>
      <c r="BJ13" s="31"/>
      <c r="BK13" s="31"/>
      <c r="BL13" s="31"/>
      <c r="BM13" s="74"/>
    </row>
    <row r="14" spans="2:65" s="16" customFormat="1" ht="13.35" customHeight="1">
      <c r="B14" s="17"/>
      <c r="C14" s="31"/>
      <c r="D14" s="31"/>
      <c r="E14" s="75"/>
      <c r="F14" s="32"/>
      <c r="G14" s="32"/>
      <c r="H14" s="33"/>
      <c r="I14" s="99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31"/>
      <c r="V14" s="31"/>
      <c r="W14" s="31"/>
      <c r="X14" s="31"/>
      <c r="Y14" s="31"/>
      <c r="Z14" s="31"/>
      <c r="AA14" s="31"/>
      <c r="AB14" s="31"/>
      <c r="AC14" s="31"/>
      <c r="AD14" s="31"/>
      <c r="AE14" s="31"/>
      <c r="AF14" s="31"/>
      <c r="AG14" s="31"/>
      <c r="AH14" s="31"/>
      <c r="AI14" s="31"/>
      <c r="AJ14" s="31"/>
      <c r="AK14" s="31"/>
      <c r="AL14" s="31"/>
      <c r="AM14" s="31"/>
      <c r="AN14" s="31"/>
      <c r="AO14" s="31"/>
      <c r="AP14" s="31"/>
      <c r="AQ14" s="31"/>
      <c r="AR14" s="31"/>
      <c r="AS14" s="31"/>
      <c r="AT14" s="31"/>
      <c r="AU14" s="31"/>
      <c r="AV14" s="31"/>
      <c r="AW14" s="31"/>
      <c r="AX14" s="31"/>
      <c r="AY14" s="31"/>
      <c r="AZ14" s="31"/>
      <c r="BA14" s="31"/>
      <c r="BB14" s="31"/>
      <c r="BC14" s="31"/>
      <c r="BD14" s="31"/>
      <c r="BE14" s="31"/>
      <c r="BF14" s="31"/>
      <c r="BG14" s="31"/>
      <c r="BH14" s="31"/>
      <c r="BI14" s="31"/>
      <c r="BJ14" s="31"/>
      <c r="BK14" s="31"/>
      <c r="BL14" s="31"/>
      <c r="BM14" s="74"/>
    </row>
    <row r="15" spans="2:65" s="16" customFormat="1" ht="13.35" customHeight="1">
      <c r="B15" s="17"/>
      <c r="C15" s="31"/>
      <c r="D15" s="31"/>
      <c r="E15" s="75"/>
      <c r="F15" s="32"/>
      <c r="G15" s="32"/>
      <c r="H15" s="33"/>
      <c r="I15" s="99"/>
      <c r="J15" s="31"/>
      <c r="K15" s="31"/>
      <c r="L15" s="31"/>
      <c r="M15" s="31"/>
      <c r="N15" s="31"/>
      <c r="O15" s="31"/>
      <c r="P15" s="31"/>
      <c r="Q15" s="31"/>
      <c r="R15" s="31"/>
      <c r="S15" s="31"/>
      <c r="T15" s="31"/>
      <c r="U15" s="31"/>
      <c r="V15" s="31"/>
      <c r="W15" s="31"/>
      <c r="X15" s="31"/>
      <c r="Y15" s="31"/>
      <c r="Z15" s="31"/>
      <c r="AA15" s="31"/>
      <c r="AB15" s="31"/>
      <c r="AC15" s="31"/>
      <c r="AD15" s="31"/>
      <c r="AE15" s="31"/>
      <c r="AF15" s="31"/>
      <c r="AG15" s="31"/>
      <c r="AH15" s="31"/>
      <c r="AI15" s="31"/>
      <c r="AJ15" s="31"/>
      <c r="AK15" s="31"/>
      <c r="AL15" s="31"/>
      <c r="AM15" s="31"/>
      <c r="AN15" s="31"/>
      <c r="AO15" s="31"/>
      <c r="AP15" s="31"/>
      <c r="AQ15" s="31"/>
      <c r="AR15" s="31"/>
      <c r="AS15" s="31"/>
      <c r="AT15" s="31"/>
      <c r="AU15" s="31"/>
      <c r="AV15" s="31"/>
      <c r="AW15" s="31"/>
      <c r="AX15" s="31"/>
      <c r="AY15" s="31"/>
      <c r="AZ15" s="31"/>
      <c r="BA15" s="31"/>
      <c r="BB15" s="31"/>
      <c r="BC15" s="31"/>
      <c r="BD15" s="31"/>
      <c r="BE15" s="31"/>
      <c r="BF15" s="31"/>
      <c r="BG15" s="31"/>
      <c r="BH15" s="31"/>
      <c r="BI15" s="31"/>
      <c r="BJ15" s="31"/>
      <c r="BK15" s="31"/>
      <c r="BL15" s="31"/>
      <c r="BM15" s="74"/>
    </row>
    <row r="16" spans="2:65" s="16" customFormat="1" ht="13.35" customHeight="1">
      <c r="B16" s="17"/>
      <c r="C16" s="31"/>
      <c r="D16" s="31"/>
      <c r="E16" s="75"/>
      <c r="F16" s="32"/>
      <c r="G16" s="32"/>
      <c r="H16" s="33"/>
      <c r="I16" s="99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1"/>
      <c r="AE16" s="31"/>
      <c r="AF16" s="31"/>
      <c r="AG16" s="31"/>
      <c r="AH16" s="31"/>
      <c r="AI16" s="31"/>
      <c r="AJ16" s="31"/>
      <c r="AK16" s="31"/>
      <c r="AL16" s="31"/>
      <c r="AM16" s="31"/>
      <c r="AN16" s="31"/>
      <c r="AO16" s="31"/>
      <c r="AP16" s="31"/>
      <c r="AQ16" s="31"/>
      <c r="AR16" s="31"/>
      <c r="AS16" s="31"/>
      <c r="AT16" s="31"/>
      <c r="AU16" s="31"/>
      <c r="AV16" s="31"/>
      <c r="AW16" s="31"/>
      <c r="AX16" s="31"/>
      <c r="AY16" s="31"/>
      <c r="AZ16" s="31"/>
      <c r="BA16" s="31"/>
      <c r="BB16" s="31"/>
      <c r="BC16" s="31"/>
      <c r="BD16" s="31"/>
      <c r="BE16" s="31"/>
      <c r="BF16" s="31"/>
      <c r="BG16" s="31"/>
      <c r="BH16" s="31"/>
      <c r="BI16" s="31"/>
      <c r="BJ16" s="31"/>
      <c r="BK16" s="31"/>
      <c r="BL16" s="31"/>
      <c r="BM16" s="74"/>
    </row>
    <row r="17" spans="2:65" s="16" customFormat="1" ht="13.35" customHeight="1">
      <c r="B17" s="17"/>
      <c r="C17" s="31"/>
      <c r="D17" s="31"/>
      <c r="E17" s="75"/>
      <c r="F17" s="32"/>
      <c r="G17" s="32"/>
      <c r="H17" s="33"/>
      <c r="I17" s="99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1"/>
      <c r="AM17" s="31"/>
      <c r="AN17" s="31"/>
      <c r="AO17" s="31"/>
      <c r="AP17" s="31"/>
      <c r="AQ17" s="31"/>
      <c r="AR17" s="31"/>
      <c r="AS17" s="31"/>
      <c r="AT17" s="31"/>
      <c r="AU17" s="31"/>
      <c r="AV17" s="31"/>
      <c r="AW17" s="31"/>
      <c r="AX17" s="31"/>
      <c r="AY17" s="31"/>
      <c r="AZ17" s="31"/>
      <c r="BA17" s="31"/>
      <c r="BB17" s="31"/>
      <c r="BC17" s="31"/>
      <c r="BD17" s="31"/>
      <c r="BE17" s="31"/>
      <c r="BF17" s="31"/>
      <c r="BG17" s="31"/>
      <c r="BH17" s="31"/>
      <c r="BI17" s="31"/>
      <c r="BJ17" s="31"/>
      <c r="BK17" s="31"/>
      <c r="BL17" s="31"/>
      <c r="BM17" s="74"/>
    </row>
    <row r="18" spans="2:65" s="16" customFormat="1" ht="13.35" customHeight="1">
      <c r="B18" s="17"/>
      <c r="C18" s="31"/>
      <c r="D18" s="31"/>
      <c r="E18" s="75"/>
      <c r="F18" s="32"/>
      <c r="G18" s="32"/>
      <c r="H18" s="33"/>
      <c r="I18" s="99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1"/>
      <c r="AM18" s="31"/>
      <c r="AN18" s="31"/>
      <c r="AO18" s="31"/>
      <c r="AP18" s="31"/>
      <c r="AQ18" s="31"/>
      <c r="AR18" s="31"/>
      <c r="AS18" s="31"/>
      <c r="AT18" s="31"/>
      <c r="AU18" s="31"/>
      <c r="AV18" s="31"/>
      <c r="AW18" s="31"/>
      <c r="AX18" s="31"/>
      <c r="AY18" s="31"/>
      <c r="AZ18" s="31"/>
      <c r="BA18" s="31"/>
      <c r="BB18" s="31"/>
      <c r="BC18" s="31"/>
      <c r="BD18" s="31"/>
      <c r="BE18" s="31"/>
      <c r="BF18" s="31"/>
      <c r="BG18" s="31"/>
      <c r="BH18" s="31"/>
      <c r="BI18" s="31"/>
      <c r="BJ18" s="31"/>
      <c r="BK18" s="31"/>
      <c r="BL18" s="31"/>
      <c r="BM18" s="74"/>
    </row>
    <row r="19" spans="2:65" s="16" customFormat="1" ht="13.35" customHeight="1">
      <c r="B19" s="17"/>
      <c r="C19" s="31"/>
      <c r="D19" s="31"/>
      <c r="E19" s="75"/>
      <c r="F19" s="32"/>
      <c r="G19" s="32"/>
      <c r="H19" s="33"/>
      <c r="I19" s="99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  <c r="V19" s="31"/>
      <c r="W19" s="31"/>
      <c r="X19" s="31"/>
      <c r="Y19" s="31"/>
      <c r="Z19" s="31"/>
      <c r="AA19" s="31"/>
      <c r="AB19" s="31"/>
      <c r="AC19" s="31"/>
      <c r="AD19" s="31"/>
      <c r="AE19" s="31"/>
      <c r="AF19" s="31"/>
      <c r="AG19" s="31"/>
      <c r="AH19" s="31"/>
      <c r="AI19" s="31"/>
      <c r="AJ19" s="31"/>
      <c r="AK19" s="31"/>
      <c r="AL19" s="31"/>
      <c r="AM19" s="31"/>
      <c r="AN19" s="31"/>
      <c r="AO19" s="31"/>
      <c r="AP19" s="31"/>
      <c r="AQ19" s="31"/>
      <c r="AR19" s="31"/>
      <c r="AS19" s="31"/>
      <c r="AT19" s="31"/>
      <c r="AU19" s="31"/>
      <c r="AV19" s="31"/>
      <c r="AW19" s="31"/>
      <c r="AX19" s="31"/>
      <c r="AY19" s="31"/>
      <c r="AZ19" s="31"/>
      <c r="BA19" s="31"/>
      <c r="BB19" s="31"/>
      <c r="BC19" s="31"/>
      <c r="BD19" s="31"/>
      <c r="BE19" s="31"/>
      <c r="BF19" s="31"/>
      <c r="BG19" s="31"/>
      <c r="BH19" s="31"/>
      <c r="BI19" s="31"/>
      <c r="BJ19" s="31"/>
      <c r="BK19" s="31"/>
      <c r="BL19" s="31"/>
      <c r="BM19" s="74"/>
    </row>
    <row r="20" spans="2:65" s="16" customFormat="1" ht="13.35" customHeight="1">
      <c r="B20" s="17"/>
      <c r="C20" s="31"/>
      <c r="D20" s="31"/>
      <c r="E20" s="75"/>
      <c r="F20" s="32"/>
      <c r="G20" s="32"/>
      <c r="H20" s="33"/>
      <c r="I20" s="99"/>
      <c r="J20" s="31"/>
      <c r="K20" s="31"/>
      <c r="L20" s="31"/>
      <c r="M20" s="31"/>
      <c r="N20" s="31"/>
      <c r="O20" s="31"/>
      <c r="P20" s="31"/>
      <c r="Q20" s="31"/>
      <c r="R20" s="31"/>
      <c r="S20" s="31"/>
      <c r="T20" s="31"/>
      <c r="U20" s="31"/>
      <c r="V20" s="31"/>
      <c r="W20" s="31"/>
      <c r="X20" s="31"/>
      <c r="Y20" s="31"/>
      <c r="Z20" s="31"/>
      <c r="AA20" s="31"/>
      <c r="AB20" s="31"/>
      <c r="AC20" s="31"/>
      <c r="AD20" s="31"/>
      <c r="AE20" s="31"/>
      <c r="AF20" s="31"/>
      <c r="AG20" s="31"/>
      <c r="AH20" s="31"/>
      <c r="AI20" s="31"/>
      <c r="AJ20" s="31"/>
      <c r="AK20" s="31"/>
      <c r="AL20" s="31"/>
      <c r="AM20" s="31"/>
      <c r="AN20" s="31"/>
      <c r="AO20" s="31"/>
      <c r="AP20" s="31"/>
      <c r="AQ20" s="31"/>
      <c r="AR20" s="31"/>
      <c r="AS20" s="31"/>
      <c r="AT20" s="31"/>
      <c r="AU20" s="31"/>
      <c r="AV20" s="31"/>
      <c r="AW20" s="31"/>
      <c r="AX20" s="31"/>
      <c r="AY20" s="31"/>
      <c r="AZ20" s="31"/>
      <c r="BA20" s="31"/>
      <c r="BB20" s="31"/>
      <c r="BC20" s="31"/>
      <c r="BD20" s="31"/>
      <c r="BE20" s="31"/>
      <c r="BF20" s="31"/>
      <c r="BG20" s="31"/>
      <c r="BH20" s="31"/>
      <c r="BI20" s="31"/>
      <c r="BJ20" s="31"/>
      <c r="BK20" s="31"/>
      <c r="BL20" s="31"/>
      <c r="BM20" s="74"/>
    </row>
    <row r="21" spans="2:65" s="16" customFormat="1" ht="13.35" customHeight="1">
      <c r="B21" s="17"/>
      <c r="C21" s="31"/>
      <c r="D21" s="31"/>
      <c r="E21" s="75"/>
      <c r="F21" s="32"/>
      <c r="G21" s="32"/>
      <c r="H21" s="33"/>
      <c r="I21" s="99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31"/>
      <c r="AK21" s="31"/>
      <c r="AL21" s="31"/>
      <c r="AM21" s="31"/>
      <c r="AN21" s="31"/>
      <c r="AO21" s="31"/>
      <c r="AP21" s="31"/>
      <c r="AQ21" s="31"/>
      <c r="AR21" s="31"/>
      <c r="AS21" s="31"/>
      <c r="AT21" s="31"/>
      <c r="AU21" s="31"/>
      <c r="AV21" s="31"/>
      <c r="AW21" s="31"/>
      <c r="AX21" s="31"/>
      <c r="AY21" s="31"/>
      <c r="AZ21" s="31"/>
      <c r="BA21" s="31"/>
      <c r="BB21" s="31"/>
      <c r="BC21" s="31"/>
      <c r="BD21" s="31"/>
      <c r="BE21" s="31"/>
      <c r="BF21" s="31"/>
      <c r="BG21" s="31"/>
      <c r="BH21" s="31"/>
      <c r="BI21" s="31"/>
      <c r="BJ21" s="31"/>
      <c r="BK21" s="31"/>
      <c r="BL21" s="31"/>
      <c r="BM21" s="74"/>
    </row>
    <row r="22" spans="2:65" s="16" customFormat="1" ht="13.35" customHeight="1">
      <c r="B22" s="17"/>
      <c r="C22" s="31"/>
      <c r="D22" s="31"/>
      <c r="E22" s="75"/>
      <c r="F22" s="32"/>
      <c r="G22" s="32"/>
      <c r="H22" s="33"/>
      <c r="I22" s="99"/>
      <c r="J22" s="31"/>
      <c r="K22" s="31"/>
      <c r="L22" s="31"/>
      <c r="M22" s="31"/>
      <c r="N22" s="31"/>
      <c r="O22" s="31"/>
      <c r="P22" s="31"/>
      <c r="Q22" s="31"/>
      <c r="R22" s="31"/>
      <c r="S22" s="31"/>
      <c r="T22" s="31"/>
      <c r="U22" s="31"/>
      <c r="V22" s="31"/>
      <c r="W22" s="31"/>
      <c r="X22" s="31"/>
      <c r="Y22" s="31"/>
      <c r="Z22" s="31"/>
      <c r="AA22" s="31"/>
      <c r="AB22" s="31"/>
      <c r="AC22" s="31"/>
      <c r="AD22" s="31"/>
      <c r="AE22" s="31"/>
      <c r="AF22" s="31"/>
      <c r="AG22" s="31"/>
      <c r="AH22" s="31"/>
      <c r="AI22" s="31"/>
      <c r="AJ22" s="31"/>
      <c r="AK22" s="31"/>
      <c r="AL22" s="31"/>
      <c r="AM22" s="31"/>
      <c r="AN22" s="31"/>
      <c r="AO22" s="31"/>
      <c r="AP22" s="31"/>
      <c r="AQ22" s="31"/>
      <c r="AR22" s="31"/>
      <c r="AS22" s="31"/>
      <c r="AT22" s="31"/>
      <c r="AU22" s="31"/>
      <c r="AV22" s="31"/>
      <c r="AW22" s="31"/>
      <c r="AX22" s="31"/>
      <c r="AY22" s="31"/>
      <c r="AZ22" s="31"/>
      <c r="BA22" s="31"/>
      <c r="BB22" s="31"/>
      <c r="BC22" s="31"/>
      <c r="BD22" s="31"/>
      <c r="BE22" s="31"/>
      <c r="BF22" s="31"/>
      <c r="BG22" s="31"/>
      <c r="BH22" s="31"/>
      <c r="BI22" s="31"/>
      <c r="BJ22" s="31"/>
      <c r="BK22" s="31"/>
      <c r="BL22" s="31"/>
      <c r="BM22" s="74"/>
    </row>
    <row r="23" spans="2:65" s="16" customFormat="1" ht="13.35" customHeight="1">
      <c r="B23" s="17"/>
      <c r="C23" s="31"/>
      <c r="D23" s="31"/>
      <c r="E23" s="75"/>
      <c r="F23" s="33"/>
      <c r="G23" s="32"/>
      <c r="H23" s="33"/>
      <c r="I23" s="99"/>
      <c r="J23" s="31"/>
      <c r="K23" s="31"/>
      <c r="L23" s="31"/>
      <c r="M23" s="31"/>
      <c r="N23" s="31"/>
      <c r="O23" s="31"/>
      <c r="P23" s="31"/>
      <c r="Q23" s="31"/>
      <c r="R23" s="31"/>
      <c r="S23" s="31"/>
      <c r="T23" s="31"/>
      <c r="U23" s="31"/>
      <c r="V23" s="31"/>
      <c r="W23" s="31"/>
      <c r="X23" s="31"/>
      <c r="Y23" s="31"/>
      <c r="Z23" s="31"/>
      <c r="AA23" s="31"/>
      <c r="AB23" s="31"/>
      <c r="AC23" s="31"/>
      <c r="AD23" s="31"/>
      <c r="AE23" s="31"/>
      <c r="AF23" s="31"/>
      <c r="AG23" s="31"/>
      <c r="AH23" s="31"/>
      <c r="AI23" s="31"/>
      <c r="AJ23" s="31"/>
      <c r="AK23" s="31"/>
      <c r="AL23" s="31"/>
      <c r="AM23" s="31"/>
      <c r="AN23" s="31"/>
      <c r="AO23" s="31"/>
      <c r="AP23" s="31"/>
      <c r="AQ23" s="31"/>
      <c r="AR23" s="31"/>
      <c r="AS23" s="31"/>
      <c r="AT23" s="31"/>
      <c r="AU23" s="31"/>
      <c r="AV23" s="31"/>
      <c r="AW23" s="31"/>
      <c r="AX23" s="31"/>
      <c r="AY23" s="31"/>
      <c r="AZ23" s="31"/>
      <c r="BA23" s="31"/>
      <c r="BB23" s="31"/>
      <c r="BC23" s="31"/>
      <c r="BD23" s="31"/>
      <c r="BE23" s="31"/>
      <c r="BF23" s="31"/>
      <c r="BG23" s="31"/>
      <c r="BH23" s="31"/>
      <c r="BI23" s="31"/>
      <c r="BJ23" s="31"/>
      <c r="BK23" s="31"/>
      <c r="BL23" s="31"/>
      <c r="BM23" s="74"/>
    </row>
    <row r="24" spans="2:65" s="16" customFormat="1" ht="13.35" customHeight="1">
      <c r="B24" s="17"/>
      <c r="C24" s="35"/>
      <c r="D24" s="35"/>
      <c r="E24" s="73"/>
      <c r="F24" s="32"/>
      <c r="G24" s="32"/>
      <c r="H24" s="33"/>
      <c r="I24" s="99"/>
      <c r="J24" s="31"/>
      <c r="K24" s="31"/>
      <c r="L24" s="31"/>
      <c r="M24" s="31"/>
      <c r="N24" s="31"/>
      <c r="O24" s="31"/>
      <c r="P24" s="31"/>
      <c r="Q24" s="31"/>
      <c r="R24" s="31"/>
      <c r="S24" s="31"/>
      <c r="T24" s="31"/>
      <c r="U24" s="31"/>
      <c r="V24" s="31"/>
      <c r="W24" s="31"/>
      <c r="X24" s="31"/>
      <c r="Y24" s="31"/>
      <c r="Z24" s="31"/>
      <c r="AA24" s="31"/>
      <c r="AB24" s="31"/>
      <c r="AC24" s="31"/>
      <c r="AD24" s="31"/>
      <c r="AE24" s="31"/>
      <c r="AF24" s="31"/>
      <c r="AG24" s="31"/>
      <c r="AH24" s="31"/>
      <c r="AI24" s="31"/>
      <c r="AJ24" s="31"/>
      <c r="AK24" s="31"/>
      <c r="AL24" s="31"/>
      <c r="AM24" s="31"/>
      <c r="AN24" s="31"/>
      <c r="AO24" s="31"/>
      <c r="AP24" s="31"/>
      <c r="AQ24" s="31"/>
      <c r="AR24" s="31"/>
      <c r="AS24" s="31"/>
      <c r="AT24" s="31"/>
      <c r="AU24" s="31"/>
      <c r="AV24" s="31"/>
      <c r="AW24" s="31"/>
      <c r="AX24" s="31"/>
      <c r="AY24" s="31"/>
      <c r="AZ24" s="31"/>
      <c r="BA24" s="31"/>
      <c r="BB24" s="31"/>
      <c r="BC24" s="31"/>
      <c r="BD24" s="31"/>
      <c r="BE24" s="31"/>
      <c r="BF24" s="31"/>
      <c r="BG24" s="31"/>
      <c r="BH24" s="31"/>
      <c r="BI24" s="31"/>
      <c r="BJ24" s="31"/>
      <c r="BK24" s="31"/>
      <c r="BL24" s="31"/>
      <c r="BM24" s="74"/>
    </row>
    <row r="25" spans="2:65" s="16" customFormat="1" ht="13.35" customHeight="1">
      <c r="B25" s="17"/>
      <c r="C25" s="31"/>
      <c r="D25" s="31"/>
      <c r="E25" s="75"/>
      <c r="F25" s="32"/>
      <c r="G25" s="38"/>
      <c r="H25" s="33"/>
      <c r="I25" s="99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31"/>
      <c r="AM25" s="31"/>
      <c r="AN25" s="31"/>
      <c r="AO25" s="31"/>
      <c r="AP25" s="31"/>
      <c r="AQ25" s="31"/>
      <c r="AR25" s="31"/>
      <c r="AS25" s="31"/>
      <c r="AT25" s="31"/>
      <c r="AU25" s="31"/>
      <c r="AV25" s="31"/>
      <c r="AW25" s="31"/>
      <c r="AX25" s="31"/>
      <c r="AY25" s="31"/>
      <c r="AZ25" s="31"/>
      <c r="BA25" s="31"/>
      <c r="BB25" s="31"/>
      <c r="BC25" s="31"/>
      <c r="BD25" s="31"/>
      <c r="BE25" s="31"/>
      <c r="BF25" s="31"/>
      <c r="BG25" s="31"/>
      <c r="BH25" s="31"/>
      <c r="BI25" s="31"/>
      <c r="BJ25" s="31"/>
      <c r="BK25" s="31"/>
      <c r="BL25" s="31"/>
      <c r="BM25" s="74"/>
    </row>
    <row r="26" spans="2:65" s="16" customFormat="1" ht="13.35" customHeight="1">
      <c r="B26" s="17"/>
      <c r="C26" s="31"/>
      <c r="D26" s="31"/>
      <c r="E26" s="75"/>
      <c r="F26" s="32"/>
      <c r="G26" s="32"/>
      <c r="H26" s="33"/>
      <c r="I26" s="99"/>
      <c r="J26" s="31"/>
      <c r="K26" s="31"/>
      <c r="L26" s="31"/>
      <c r="M26" s="31"/>
      <c r="N26" s="31"/>
      <c r="O26" s="31"/>
      <c r="P26" s="31"/>
      <c r="Q26" s="31"/>
      <c r="R26" s="31"/>
      <c r="S26" s="31"/>
      <c r="T26" s="31"/>
      <c r="U26" s="31"/>
      <c r="V26" s="31"/>
      <c r="W26" s="31"/>
      <c r="X26" s="31"/>
      <c r="Y26" s="31"/>
      <c r="Z26" s="31"/>
      <c r="AA26" s="31"/>
      <c r="AB26" s="31"/>
      <c r="AC26" s="31"/>
      <c r="AD26" s="31"/>
      <c r="AE26" s="31"/>
      <c r="AF26" s="31"/>
      <c r="AG26" s="31"/>
      <c r="AH26" s="31"/>
      <c r="AI26" s="31"/>
      <c r="AJ26" s="31"/>
      <c r="AK26" s="31"/>
      <c r="AL26" s="31"/>
      <c r="AM26" s="31"/>
      <c r="AN26" s="31"/>
      <c r="AO26" s="31"/>
      <c r="AP26" s="31"/>
      <c r="AQ26" s="31"/>
      <c r="AR26" s="31"/>
      <c r="AS26" s="31"/>
      <c r="AT26" s="31"/>
      <c r="AU26" s="31"/>
      <c r="AV26" s="31"/>
      <c r="AW26" s="31"/>
      <c r="AX26" s="31"/>
      <c r="AY26" s="31"/>
      <c r="AZ26" s="31"/>
      <c r="BA26" s="31"/>
      <c r="BB26" s="31"/>
      <c r="BC26" s="31"/>
      <c r="BD26" s="31"/>
      <c r="BE26" s="31"/>
      <c r="BF26" s="31"/>
      <c r="BG26" s="31"/>
      <c r="BH26" s="31"/>
      <c r="BI26" s="31"/>
      <c r="BJ26" s="31"/>
      <c r="BK26" s="31"/>
      <c r="BL26" s="31"/>
      <c r="BM26" s="74"/>
    </row>
    <row r="27" spans="2:65" s="16" customFormat="1" ht="13.35" customHeight="1">
      <c r="B27" s="17"/>
      <c r="C27" s="31"/>
      <c r="D27" s="31"/>
      <c r="E27" s="75"/>
      <c r="F27" s="32"/>
      <c r="G27" s="32"/>
      <c r="H27" s="33"/>
      <c r="I27" s="99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31"/>
      <c r="U27" s="31"/>
      <c r="V27" s="31"/>
      <c r="W27" s="31"/>
      <c r="X27" s="31"/>
      <c r="Y27" s="31"/>
      <c r="Z27" s="31"/>
      <c r="AA27" s="31"/>
      <c r="AB27" s="31"/>
      <c r="AC27" s="31"/>
      <c r="AD27" s="31"/>
      <c r="AE27" s="31"/>
      <c r="AF27" s="31"/>
      <c r="AG27" s="31"/>
      <c r="AH27" s="31"/>
      <c r="AI27" s="31"/>
      <c r="AJ27" s="31"/>
      <c r="AK27" s="31"/>
      <c r="AL27" s="31"/>
      <c r="AM27" s="31"/>
      <c r="AN27" s="31"/>
      <c r="AO27" s="31"/>
      <c r="AP27" s="31"/>
      <c r="AQ27" s="31"/>
      <c r="AR27" s="31"/>
      <c r="AS27" s="31"/>
      <c r="AT27" s="31"/>
      <c r="AU27" s="31"/>
      <c r="AV27" s="31"/>
      <c r="AW27" s="31"/>
      <c r="AX27" s="31"/>
      <c r="AY27" s="31"/>
      <c r="AZ27" s="31"/>
      <c r="BA27" s="31"/>
      <c r="BB27" s="31"/>
      <c r="BC27" s="31"/>
      <c r="BD27" s="31"/>
      <c r="BE27" s="31"/>
      <c r="BF27" s="31"/>
      <c r="BG27" s="31"/>
      <c r="BH27" s="31"/>
      <c r="BI27" s="31"/>
      <c r="BJ27" s="31"/>
      <c r="BK27" s="31"/>
      <c r="BL27" s="31"/>
      <c r="BM27" s="74"/>
    </row>
    <row r="28" spans="2:65" s="16" customFormat="1" ht="13.35" customHeight="1">
      <c r="B28" s="17"/>
      <c r="C28" s="31"/>
      <c r="D28" s="31"/>
      <c r="E28" s="75"/>
      <c r="F28" s="32"/>
      <c r="G28" s="32"/>
      <c r="H28" s="33"/>
      <c r="I28" s="99"/>
      <c r="J28" s="31"/>
      <c r="K28" s="31"/>
      <c r="L28" s="31"/>
      <c r="M28" s="31"/>
      <c r="N28" s="31"/>
      <c r="O28" s="31"/>
      <c r="P28" s="31"/>
      <c r="Q28" s="31"/>
      <c r="R28" s="31"/>
      <c r="S28" s="31"/>
      <c r="T28" s="31"/>
      <c r="U28" s="31"/>
      <c r="V28" s="31"/>
      <c r="W28" s="31"/>
      <c r="X28" s="31"/>
      <c r="Y28" s="31"/>
      <c r="Z28" s="31"/>
      <c r="AA28" s="31"/>
      <c r="AB28" s="31"/>
      <c r="AC28" s="31"/>
      <c r="AD28" s="31"/>
      <c r="AE28" s="31"/>
      <c r="AF28" s="31"/>
      <c r="AG28" s="31"/>
      <c r="AH28" s="31"/>
      <c r="AI28" s="31"/>
      <c r="AJ28" s="31"/>
      <c r="AK28" s="31"/>
      <c r="AL28" s="31"/>
      <c r="AM28" s="31"/>
      <c r="AN28" s="31"/>
      <c r="AO28" s="31"/>
      <c r="AP28" s="31"/>
      <c r="AQ28" s="31"/>
      <c r="AR28" s="31"/>
      <c r="AS28" s="31"/>
      <c r="AT28" s="31"/>
      <c r="AU28" s="31"/>
      <c r="AV28" s="31"/>
      <c r="AW28" s="31"/>
      <c r="AX28" s="31"/>
      <c r="AY28" s="31"/>
      <c r="AZ28" s="31"/>
      <c r="BA28" s="31"/>
      <c r="BB28" s="31"/>
      <c r="BC28" s="31"/>
      <c r="BD28" s="31"/>
      <c r="BE28" s="31"/>
      <c r="BF28" s="31"/>
      <c r="BG28" s="31"/>
      <c r="BH28" s="31"/>
      <c r="BI28" s="31"/>
      <c r="BJ28" s="31"/>
      <c r="BK28" s="31"/>
      <c r="BL28" s="31"/>
      <c r="BM28" s="74"/>
    </row>
    <row r="29" spans="2:65" s="16" customFormat="1" ht="13.35" customHeight="1">
      <c r="B29" s="17"/>
      <c r="C29" s="31"/>
      <c r="D29" s="31"/>
      <c r="E29" s="75"/>
      <c r="F29" s="32"/>
      <c r="G29" s="32"/>
      <c r="H29" s="33"/>
      <c r="I29" s="99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1"/>
      <c r="AA29" s="31"/>
      <c r="AB29" s="31"/>
      <c r="AC29" s="31"/>
      <c r="AD29" s="31"/>
      <c r="AE29" s="31"/>
      <c r="AF29" s="31"/>
      <c r="AG29" s="31"/>
      <c r="AH29" s="31"/>
      <c r="AI29" s="31"/>
      <c r="AJ29" s="31"/>
      <c r="AK29" s="31"/>
      <c r="AL29" s="31"/>
      <c r="AM29" s="31"/>
      <c r="AN29" s="31"/>
      <c r="AO29" s="31"/>
      <c r="AP29" s="31"/>
      <c r="AQ29" s="31"/>
      <c r="AR29" s="31"/>
      <c r="AS29" s="31"/>
      <c r="AT29" s="31"/>
      <c r="AU29" s="31"/>
      <c r="AV29" s="31"/>
      <c r="AW29" s="31"/>
      <c r="AX29" s="31"/>
      <c r="AY29" s="31"/>
      <c r="AZ29" s="31"/>
      <c r="BA29" s="31"/>
      <c r="BB29" s="31"/>
      <c r="BC29" s="31"/>
      <c r="BD29" s="31"/>
      <c r="BE29" s="31"/>
      <c r="BF29" s="31"/>
      <c r="BG29" s="31"/>
      <c r="BH29" s="31"/>
      <c r="BI29" s="31"/>
      <c r="BJ29" s="31"/>
      <c r="BK29" s="31"/>
      <c r="BL29" s="31"/>
      <c r="BM29" s="74"/>
    </row>
    <row r="30" spans="2:65" s="16" customFormat="1" ht="13.35" customHeight="1">
      <c r="B30" s="17"/>
      <c r="C30" s="35"/>
      <c r="D30" s="35"/>
      <c r="E30" s="73"/>
      <c r="F30" s="32"/>
      <c r="G30" s="32"/>
      <c r="H30" s="76"/>
      <c r="I30" s="99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1"/>
      <c r="AA30" s="31"/>
      <c r="AB30" s="31"/>
      <c r="AC30" s="31"/>
      <c r="AD30" s="31"/>
      <c r="AE30" s="31"/>
      <c r="AF30" s="31"/>
      <c r="AG30" s="31"/>
      <c r="AH30" s="31"/>
      <c r="AI30" s="31"/>
      <c r="AJ30" s="31"/>
      <c r="AK30" s="31"/>
      <c r="AL30" s="31"/>
      <c r="AM30" s="31"/>
      <c r="AN30" s="31"/>
      <c r="AO30" s="31"/>
      <c r="AP30" s="31"/>
      <c r="AQ30" s="31"/>
      <c r="AR30" s="31"/>
      <c r="AS30" s="31"/>
      <c r="AT30" s="31"/>
      <c r="AU30" s="31"/>
      <c r="AV30" s="31"/>
      <c r="AW30" s="31"/>
      <c r="AX30" s="31"/>
      <c r="AY30" s="31"/>
      <c r="AZ30" s="31"/>
      <c r="BA30" s="31"/>
      <c r="BB30" s="31"/>
      <c r="BC30" s="31"/>
      <c r="BD30" s="31"/>
      <c r="BE30" s="31"/>
      <c r="BF30" s="31"/>
      <c r="BG30" s="31"/>
      <c r="BH30" s="31"/>
      <c r="BI30" s="31"/>
      <c r="BJ30" s="31"/>
      <c r="BK30" s="31"/>
      <c r="BL30" s="31"/>
      <c r="BM30" s="74"/>
    </row>
    <row r="31" spans="2:65" s="16" customFormat="1" ht="13.35" customHeight="1">
      <c r="B31" s="17"/>
      <c r="C31" s="31"/>
      <c r="D31" s="31"/>
      <c r="E31" s="75"/>
      <c r="F31" s="32"/>
      <c r="G31" s="32"/>
      <c r="H31" s="33"/>
      <c r="I31" s="99"/>
      <c r="J31" s="31"/>
      <c r="K31" s="31"/>
      <c r="L31" s="31"/>
      <c r="M31" s="31"/>
      <c r="N31" s="31"/>
      <c r="O31" s="31"/>
      <c r="P31" s="31"/>
      <c r="Q31" s="31"/>
      <c r="R31" s="31"/>
      <c r="S31" s="31"/>
      <c r="T31" s="31"/>
      <c r="U31" s="31"/>
      <c r="V31" s="31"/>
      <c r="W31" s="31"/>
      <c r="X31" s="31"/>
      <c r="Y31" s="31"/>
      <c r="Z31" s="31"/>
      <c r="AA31" s="31"/>
      <c r="AB31" s="31"/>
      <c r="AC31" s="31"/>
      <c r="AD31" s="31"/>
      <c r="AE31" s="31"/>
      <c r="AF31" s="31"/>
      <c r="AG31" s="31"/>
      <c r="AH31" s="31"/>
      <c r="AI31" s="31"/>
      <c r="AJ31" s="31"/>
      <c r="AK31" s="31"/>
      <c r="AL31" s="31"/>
      <c r="AM31" s="31"/>
      <c r="AN31" s="31"/>
      <c r="AO31" s="31"/>
      <c r="AP31" s="31"/>
      <c r="AQ31" s="31"/>
      <c r="AR31" s="31"/>
      <c r="AS31" s="31"/>
      <c r="AT31" s="31"/>
      <c r="AU31" s="31"/>
      <c r="AV31" s="31"/>
      <c r="AW31" s="31"/>
      <c r="AX31" s="31"/>
      <c r="AY31" s="31"/>
      <c r="AZ31" s="31"/>
      <c r="BA31" s="31"/>
      <c r="BB31" s="31"/>
      <c r="BC31" s="31"/>
      <c r="BD31" s="31"/>
      <c r="BE31" s="31"/>
      <c r="BF31" s="31"/>
      <c r="BG31" s="31"/>
      <c r="BH31" s="31"/>
      <c r="BI31" s="31"/>
      <c r="BJ31" s="31"/>
      <c r="BK31" s="31"/>
      <c r="BL31" s="31"/>
      <c r="BM31" s="74"/>
    </row>
    <row r="32" spans="2:65" s="16" customFormat="1" ht="13.35" customHeight="1">
      <c r="B32" s="17"/>
      <c r="C32" s="40"/>
      <c r="D32" s="40"/>
      <c r="E32" s="77"/>
      <c r="F32" s="41"/>
      <c r="G32" s="41"/>
      <c r="H32" s="42"/>
      <c r="I32" s="10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40"/>
      <c r="AE32" s="40"/>
      <c r="AF32" s="40"/>
      <c r="AG32" s="40"/>
      <c r="AH32" s="40"/>
      <c r="AI32" s="40"/>
      <c r="AJ32" s="40"/>
      <c r="AK32" s="40"/>
      <c r="AL32" s="40"/>
      <c r="AM32" s="40"/>
      <c r="AN32" s="40"/>
      <c r="AO32" s="40"/>
      <c r="AP32" s="40"/>
      <c r="AQ32" s="40"/>
      <c r="AR32" s="40"/>
      <c r="AS32" s="40"/>
      <c r="AT32" s="40"/>
      <c r="AU32" s="40"/>
      <c r="AV32" s="40"/>
      <c r="AW32" s="40"/>
      <c r="AX32" s="40"/>
      <c r="AY32" s="40"/>
      <c r="AZ32" s="40"/>
      <c r="BA32" s="40"/>
      <c r="BB32" s="40"/>
      <c r="BC32" s="40"/>
      <c r="BD32" s="40"/>
      <c r="BE32" s="40"/>
      <c r="BF32" s="40"/>
      <c r="BG32" s="40"/>
      <c r="BH32" s="40"/>
      <c r="BI32" s="40"/>
      <c r="BJ32" s="40"/>
      <c r="BK32" s="40"/>
      <c r="BL32" s="40"/>
      <c r="BM32" s="78"/>
    </row>
    <row r="33" spans="2:65" s="16" customFormat="1" ht="13.35" customHeight="1">
      <c r="B33" s="44" t="s">
        <v>32</v>
      </c>
      <c r="C33" s="45"/>
      <c r="D33" s="45"/>
      <c r="E33" s="79"/>
      <c r="F33" s="45"/>
      <c r="G33" s="46"/>
      <c r="H33" s="47"/>
      <c r="I33" s="101"/>
      <c r="J33" s="45"/>
      <c r="K33" s="45"/>
      <c r="L33" s="45"/>
      <c r="M33" s="45"/>
      <c r="N33" s="45"/>
      <c r="O33" s="45"/>
      <c r="P33" s="45"/>
      <c r="Q33" s="45"/>
      <c r="R33" s="45"/>
      <c r="S33" s="45"/>
      <c r="T33" s="45"/>
      <c r="U33" s="45"/>
      <c r="V33" s="45"/>
      <c r="W33" s="45"/>
      <c r="X33" s="45"/>
      <c r="Y33" s="45"/>
      <c r="Z33" s="45"/>
      <c r="AA33" s="45"/>
      <c r="AB33" s="45"/>
      <c r="AC33" s="45"/>
      <c r="AD33" s="45"/>
      <c r="AE33" s="45"/>
      <c r="AF33" s="45"/>
      <c r="AG33" s="45"/>
      <c r="AH33" s="45"/>
      <c r="AI33" s="45"/>
      <c r="AJ33" s="45"/>
      <c r="AK33" s="45"/>
      <c r="AL33" s="45"/>
      <c r="AM33" s="45"/>
      <c r="AN33" s="45"/>
      <c r="AO33" s="45"/>
      <c r="AP33" s="45"/>
      <c r="AQ33" s="45"/>
      <c r="AR33" s="45"/>
      <c r="AS33" s="45"/>
      <c r="AT33" s="45"/>
      <c r="AU33" s="45"/>
      <c r="AV33" s="45"/>
      <c r="AW33" s="45"/>
      <c r="AX33" s="45"/>
      <c r="AY33" s="45"/>
      <c r="AZ33" s="45"/>
      <c r="BA33" s="45"/>
      <c r="BB33" s="45"/>
      <c r="BC33" s="45"/>
      <c r="BD33" s="45"/>
      <c r="BE33" s="45"/>
      <c r="BF33" s="45"/>
      <c r="BG33" s="45"/>
      <c r="BH33" s="45"/>
      <c r="BI33" s="45"/>
      <c r="BJ33" s="45"/>
      <c r="BK33" s="45"/>
      <c r="BL33" s="45"/>
      <c r="BM33" s="48"/>
    </row>
    <row r="34" spans="2:65" s="16" customFormat="1" ht="13.35" customHeight="1">
      <c r="B34" s="17"/>
      <c r="C34" s="49" t="s">
        <v>81</v>
      </c>
      <c r="D34" s="50"/>
      <c r="E34" s="80">
        <v>193</v>
      </c>
      <c r="F34" s="28" t="s">
        <v>39</v>
      </c>
      <c r="G34" s="28" t="s">
        <v>79</v>
      </c>
      <c r="H34" s="30" t="s">
        <v>82</v>
      </c>
      <c r="I34" s="102" t="s">
        <v>83</v>
      </c>
      <c r="J34" s="29"/>
      <c r="K34" s="29"/>
      <c r="L34" s="29"/>
      <c r="M34" s="29"/>
      <c r="N34" s="29"/>
      <c r="O34" s="29"/>
      <c r="P34" s="29"/>
      <c r="Q34" s="29"/>
      <c r="R34" s="29"/>
      <c r="S34" s="29"/>
      <c r="T34" s="29"/>
      <c r="U34" s="29"/>
      <c r="V34" s="29"/>
      <c r="W34" s="29"/>
      <c r="X34" s="29"/>
      <c r="Y34" s="29"/>
      <c r="Z34" s="29"/>
      <c r="AA34" s="29"/>
      <c r="AB34" s="29"/>
      <c r="AC34" s="29"/>
      <c r="AD34" s="29"/>
      <c r="AE34" s="29"/>
      <c r="AF34" s="29"/>
      <c r="AG34" s="29"/>
      <c r="AH34" s="29"/>
      <c r="AI34" s="29"/>
      <c r="AJ34" s="29"/>
      <c r="AK34" s="29"/>
      <c r="AL34" s="29"/>
      <c r="AM34" s="29"/>
      <c r="AN34" s="29"/>
      <c r="AO34" s="29"/>
      <c r="AP34" s="29"/>
      <c r="AQ34" s="29"/>
      <c r="AR34" s="29"/>
      <c r="AS34" s="29"/>
      <c r="AT34" s="29"/>
      <c r="AU34" s="29"/>
      <c r="AV34" s="29"/>
      <c r="AW34" s="29"/>
      <c r="AX34" s="29"/>
      <c r="AY34" s="29"/>
      <c r="AZ34" s="29"/>
      <c r="BA34" s="29"/>
      <c r="BB34" s="29"/>
      <c r="BC34" s="29"/>
      <c r="BD34" s="29"/>
      <c r="BE34" s="29"/>
      <c r="BF34" s="132"/>
      <c r="BG34" s="132"/>
      <c r="BH34" s="132"/>
      <c r="BI34" s="132"/>
      <c r="BJ34" s="29"/>
      <c r="BK34" s="29"/>
      <c r="BL34" s="29"/>
      <c r="BM34" s="81"/>
    </row>
    <row r="35" spans="2:65" s="16" customFormat="1" ht="13.35" customHeight="1">
      <c r="B35" s="17"/>
      <c r="C35" s="70" t="s">
        <v>30</v>
      </c>
      <c r="D35" s="52"/>
      <c r="E35" s="75"/>
      <c r="F35" s="32"/>
      <c r="G35" s="32"/>
      <c r="H35" s="33"/>
      <c r="I35" s="99"/>
      <c r="J35" s="31"/>
      <c r="K35" s="31"/>
      <c r="L35" s="31"/>
      <c r="M35" s="31"/>
      <c r="N35" s="31"/>
      <c r="O35" s="31"/>
      <c r="P35" s="31"/>
      <c r="Q35" s="31"/>
      <c r="R35" s="31"/>
      <c r="S35" s="31"/>
      <c r="T35" s="31"/>
      <c r="U35" s="31"/>
      <c r="V35" s="31"/>
      <c r="W35" s="31"/>
      <c r="X35" s="31"/>
      <c r="Y35" s="31"/>
      <c r="Z35" s="31"/>
      <c r="AA35" s="31"/>
      <c r="AB35" s="31"/>
      <c r="AC35" s="31"/>
      <c r="AD35" s="31"/>
      <c r="AE35" s="31"/>
      <c r="AF35" s="31"/>
      <c r="AG35" s="31"/>
      <c r="AH35" s="31"/>
      <c r="AI35" s="31"/>
      <c r="AJ35" s="31"/>
      <c r="AK35" s="31"/>
      <c r="AL35" s="31"/>
      <c r="AM35" s="31"/>
      <c r="AN35" s="31"/>
      <c r="AO35" s="31"/>
      <c r="AP35" s="31"/>
      <c r="AQ35" s="31"/>
      <c r="AR35" s="31"/>
      <c r="AS35" s="31"/>
      <c r="AT35" s="31"/>
      <c r="AU35" s="31"/>
      <c r="AV35" s="31"/>
      <c r="AW35" s="31"/>
      <c r="AX35" s="31"/>
      <c r="AY35" s="31"/>
      <c r="AZ35" s="31"/>
      <c r="BA35" s="31"/>
      <c r="BB35" s="31"/>
      <c r="BC35" s="31"/>
      <c r="BD35" s="31"/>
      <c r="BE35" s="31"/>
      <c r="BF35" s="31"/>
      <c r="BG35" s="31"/>
      <c r="BH35" s="31"/>
      <c r="BI35" s="31"/>
      <c r="BJ35" s="31"/>
      <c r="BK35" s="31"/>
      <c r="BL35" s="31"/>
      <c r="BM35" s="74"/>
    </row>
    <row r="36" spans="2:65" s="16" customFormat="1" ht="13.35" customHeight="1">
      <c r="B36" s="17"/>
      <c r="C36" s="31"/>
      <c r="D36" s="31"/>
      <c r="E36" s="75"/>
      <c r="F36" s="32"/>
      <c r="G36" s="32"/>
      <c r="H36" s="33"/>
      <c r="I36" s="99"/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1"/>
      <c r="X36" s="31"/>
      <c r="Y36" s="31"/>
      <c r="Z36" s="31"/>
      <c r="AA36" s="31"/>
      <c r="AB36" s="31"/>
      <c r="AC36" s="31"/>
      <c r="AD36" s="31"/>
      <c r="AE36" s="31"/>
      <c r="AF36" s="31"/>
      <c r="AG36" s="31"/>
      <c r="AH36" s="31"/>
      <c r="AI36" s="31"/>
      <c r="AJ36" s="31"/>
      <c r="AK36" s="31"/>
      <c r="AL36" s="31"/>
      <c r="AM36" s="31"/>
      <c r="AN36" s="31"/>
      <c r="AO36" s="31"/>
      <c r="AP36" s="31"/>
      <c r="AQ36" s="31"/>
      <c r="AR36" s="31"/>
      <c r="AS36" s="31"/>
      <c r="AT36" s="31"/>
      <c r="AU36" s="31"/>
      <c r="AV36" s="31"/>
      <c r="AW36" s="31"/>
      <c r="AX36" s="31"/>
      <c r="AY36" s="31"/>
      <c r="AZ36" s="31"/>
      <c r="BA36" s="31"/>
      <c r="BB36" s="31"/>
      <c r="BC36" s="31"/>
      <c r="BD36" s="31"/>
      <c r="BE36" s="31"/>
      <c r="BF36" s="31"/>
      <c r="BG36" s="31"/>
      <c r="BH36" s="31"/>
      <c r="BI36" s="31"/>
      <c r="BJ36" s="31"/>
      <c r="BK36" s="31"/>
      <c r="BL36" s="31"/>
      <c r="BM36" s="74"/>
    </row>
    <row r="37" spans="2:65" s="16" customFormat="1" ht="13.35" customHeight="1">
      <c r="B37" s="17"/>
      <c r="C37" s="53"/>
      <c r="D37" s="53"/>
      <c r="E37" s="75"/>
      <c r="F37" s="32"/>
      <c r="G37" s="32"/>
      <c r="H37" s="32"/>
      <c r="I37" s="99"/>
      <c r="J37" s="31"/>
      <c r="K37" s="31"/>
      <c r="L37" s="31"/>
      <c r="M37" s="31"/>
      <c r="N37" s="31"/>
      <c r="O37" s="31"/>
      <c r="P37" s="31"/>
      <c r="Q37" s="31"/>
      <c r="R37" s="31"/>
      <c r="S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E37" s="31"/>
      <c r="AF37" s="31"/>
      <c r="AG37" s="31"/>
      <c r="AH37" s="31"/>
      <c r="AI37" s="31"/>
      <c r="AJ37" s="31"/>
      <c r="AK37" s="31"/>
      <c r="AL37" s="31"/>
      <c r="AM37" s="31"/>
      <c r="AN37" s="31"/>
      <c r="AO37" s="31"/>
      <c r="AP37" s="31"/>
      <c r="AQ37" s="31"/>
      <c r="AR37" s="31"/>
      <c r="AS37" s="31"/>
      <c r="AT37" s="31"/>
      <c r="AU37" s="31"/>
      <c r="AV37" s="31"/>
      <c r="AW37" s="31"/>
      <c r="AX37" s="31"/>
      <c r="AY37" s="31"/>
      <c r="AZ37" s="31"/>
      <c r="BA37" s="31"/>
      <c r="BB37" s="31"/>
      <c r="BC37" s="31"/>
      <c r="BD37" s="31"/>
      <c r="BE37" s="31"/>
      <c r="BF37" s="31"/>
      <c r="BG37" s="31"/>
      <c r="BH37" s="31"/>
      <c r="BI37" s="31"/>
      <c r="BJ37" s="31"/>
      <c r="BK37" s="31"/>
      <c r="BL37" s="31"/>
      <c r="BM37" s="74"/>
    </row>
    <row r="38" spans="2:65" s="16" customFormat="1" ht="13.35" customHeight="1">
      <c r="B38" s="17"/>
      <c r="C38" s="53"/>
      <c r="D38" s="53"/>
      <c r="E38" s="75"/>
      <c r="F38" s="32"/>
      <c r="G38" s="32"/>
      <c r="H38" s="32"/>
      <c r="I38" s="99"/>
      <c r="J38" s="31"/>
      <c r="K38" s="31"/>
      <c r="L38" s="31"/>
      <c r="M38" s="31"/>
      <c r="N38" s="31"/>
      <c r="O38" s="31"/>
      <c r="P38" s="31"/>
      <c r="Q38" s="31"/>
      <c r="R38" s="31"/>
      <c r="S38" s="31"/>
      <c r="T38" s="31"/>
      <c r="U38" s="31"/>
      <c r="V38" s="31"/>
      <c r="W38" s="31"/>
      <c r="X38" s="31"/>
      <c r="Y38" s="31"/>
      <c r="Z38" s="31"/>
      <c r="AA38" s="31"/>
      <c r="AB38" s="31"/>
      <c r="AC38" s="31"/>
      <c r="AD38" s="31"/>
      <c r="AE38" s="31"/>
      <c r="AF38" s="31"/>
      <c r="AG38" s="31"/>
      <c r="AH38" s="31"/>
      <c r="AI38" s="31"/>
      <c r="AJ38" s="31"/>
      <c r="AK38" s="31"/>
      <c r="AL38" s="31"/>
      <c r="AM38" s="31"/>
      <c r="AN38" s="31"/>
      <c r="AO38" s="31"/>
      <c r="AP38" s="31"/>
      <c r="AQ38" s="31"/>
      <c r="AR38" s="31"/>
      <c r="AS38" s="31"/>
      <c r="AT38" s="31"/>
      <c r="AU38" s="31"/>
      <c r="AV38" s="31"/>
      <c r="AW38" s="31"/>
      <c r="AX38" s="31"/>
      <c r="AY38" s="31"/>
      <c r="AZ38" s="31"/>
      <c r="BA38" s="31"/>
      <c r="BB38" s="31"/>
      <c r="BC38" s="31"/>
      <c r="BD38" s="31"/>
      <c r="BE38" s="31"/>
      <c r="BF38" s="31"/>
      <c r="BG38" s="31"/>
      <c r="BH38" s="31"/>
      <c r="BI38" s="31"/>
      <c r="BJ38" s="31"/>
      <c r="BK38" s="31"/>
      <c r="BL38" s="31"/>
      <c r="BM38" s="74"/>
    </row>
    <row r="39" spans="2:65" s="16" customFormat="1" ht="13.35" customHeight="1">
      <c r="B39" s="17"/>
      <c r="C39" s="53"/>
      <c r="D39" s="53"/>
      <c r="E39" s="75"/>
      <c r="F39" s="32"/>
      <c r="G39" s="32"/>
      <c r="H39" s="32"/>
      <c r="I39" s="99"/>
      <c r="J39" s="31"/>
      <c r="K39" s="31"/>
      <c r="L39" s="31"/>
      <c r="M39" s="31"/>
      <c r="N39" s="31"/>
      <c r="O39" s="31"/>
      <c r="P39" s="31"/>
      <c r="Q39" s="31"/>
      <c r="R39" s="31"/>
      <c r="S39" s="31"/>
      <c r="T39" s="31"/>
      <c r="U39" s="31"/>
      <c r="V39" s="31"/>
      <c r="W39" s="31"/>
      <c r="X39" s="31"/>
      <c r="Y39" s="31"/>
      <c r="Z39" s="31"/>
      <c r="AA39" s="31"/>
      <c r="AB39" s="31"/>
      <c r="AC39" s="31"/>
      <c r="AD39" s="31"/>
      <c r="AE39" s="31"/>
      <c r="AF39" s="31"/>
      <c r="AG39" s="31"/>
      <c r="AH39" s="31"/>
      <c r="AI39" s="31"/>
      <c r="AJ39" s="31"/>
      <c r="AK39" s="31"/>
      <c r="AL39" s="31"/>
      <c r="AM39" s="31"/>
      <c r="AN39" s="31"/>
      <c r="AO39" s="31"/>
      <c r="AP39" s="31"/>
      <c r="AQ39" s="31"/>
      <c r="AR39" s="31"/>
      <c r="AS39" s="31"/>
      <c r="AT39" s="31"/>
      <c r="AU39" s="31"/>
      <c r="AV39" s="31"/>
      <c r="AW39" s="31"/>
      <c r="AX39" s="31"/>
      <c r="AY39" s="31"/>
      <c r="AZ39" s="31"/>
      <c r="BA39" s="31"/>
      <c r="BB39" s="31"/>
      <c r="BC39" s="31"/>
      <c r="BD39" s="31"/>
      <c r="BE39" s="31"/>
      <c r="BF39" s="31"/>
      <c r="BG39" s="31"/>
      <c r="BH39" s="31"/>
      <c r="BI39" s="31"/>
      <c r="BJ39" s="31"/>
      <c r="BK39" s="31"/>
      <c r="BL39" s="31"/>
      <c r="BM39" s="74"/>
    </row>
    <row r="40" spans="2:65" s="16" customFormat="1" ht="13.35" customHeight="1">
      <c r="B40" s="17"/>
      <c r="C40" s="53"/>
      <c r="D40" s="53"/>
      <c r="E40" s="75"/>
      <c r="F40" s="32"/>
      <c r="G40" s="32"/>
      <c r="H40" s="32"/>
      <c r="I40" s="99"/>
      <c r="J40" s="31"/>
      <c r="K40" s="31"/>
      <c r="L40" s="31"/>
      <c r="M40" s="31"/>
      <c r="N40" s="31"/>
      <c r="O40" s="31"/>
      <c r="P40" s="31"/>
      <c r="Q40" s="31"/>
      <c r="R40" s="31"/>
      <c r="S40" s="3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31"/>
      <c r="AF40" s="31"/>
      <c r="AG40" s="31"/>
      <c r="AH40" s="31"/>
      <c r="AI40" s="31"/>
      <c r="AJ40" s="31"/>
      <c r="AK40" s="31"/>
      <c r="AL40" s="31"/>
      <c r="AM40" s="31"/>
      <c r="AN40" s="31"/>
      <c r="AO40" s="31"/>
      <c r="AP40" s="31"/>
      <c r="AQ40" s="31"/>
      <c r="AR40" s="31"/>
      <c r="AS40" s="31"/>
      <c r="AT40" s="31"/>
      <c r="AU40" s="31"/>
      <c r="AV40" s="31"/>
      <c r="AW40" s="31"/>
      <c r="AX40" s="31"/>
      <c r="AY40" s="31"/>
      <c r="AZ40" s="31"/>
      <c r="BA40" s="31"/>
      <c r="BB40" s="31"/>
      <c r="BC40" s="31"/>
      <c r="BD40" s="31"/>
      <c r="BE40" s="31"/>
      <c r="BF40" s="31"/>
      <c r="BG40" s="31"/>
      <c r="BH40" s="31"/>
      <c r="BI40" s="31"/>
      <c r="BJ40" s="31"/>
      <c r="BK40" s="31"/>
      <c r="BL40" s="31"/>
      <c r="BM40" s="74"/>
    </row>
    <row r="41" spans="2:65" s="16" customFormat="1" ht="13.35" customHeight="1">
      <c r="B41" s="17"/>
      <c r="C41" s="53"/>
      <c r="D41" s="53"/>
      <c r="E41" s="75"/>
      <c r="F41" s="32"/>
      <c r="G41" s="32"/>
      <c r="H41" s="32"/>
      <c r="I41" s="99"/>
      <c r="J41" s="3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31"/>
      <c r="AK41" s="31"/>
      <c r="AL41" s="31"/>
      <c r="AM41" s="31"/>
      <c r="AN41" s="31"/>
      <c r="AO41" s="31"/>
      <c r="AP41" s="31"/>
      <c r="AQ41" s="31"/>
      <c r="AR41" s="31"/>
      <c r="AS41" s="31"/>
      <c r="AT41" s="31"/>
      <c r="AU41" s="31"/>
      <c r="AV41" s="31"/>
      <c r="AW41" s="31"/>
      <c r="AX41" s="31"/>
      <c r="AY41" s="31"/>
      <c r="AZ41" s="31"/>
      <c r="BA41" s="31"/>
      <c r="BB41" s="31"/>
      <c r="BC41" s="31"/>
      <c r="BD41" s="31"/>
      <c r="BE41" s="31"/>
      <c r="BF41" s="31"/>
      <c r="BG41" s="31"/>
      <c r="BH41" s="31"/>
      <c r="BI41" s="31"/>
      <c r="BJ41" s="31"/>
      <c r="BK41" s="31"/>
      <c r="BL41" s="31"/>
      <c r="BM41" s="74"/>
    </row>
    <row r="42" spans="2:65" s="16" customFormat="1" ht="13.35" customHeight="1">
      <c r="B42" s="17"/>
      <c r="C42" s="53"/>
      <c r="D42" s="53"/>
      <c r="E42" s="75"/>
      <c r="F42" s="32"/>
      <c r="G42" s="32"/>
      <c r="H42" s="32"/>
      <c r="I42" s="99"/>
      <c r="J42" s="31"/>
      <c r="K42" s="31"/>
      <c r="L42" s="31"/>
      <c r="M42" s="31"/>
      <c r="N42" s="31"/>
      <c r="O42" s="31"/>
      <c r="P42" s="31"/>
      <c r="Q42" s="31"/>
      <c r="R42" s="31"/>
      <c r="S42" s="3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31"/>
      <c r="AF42" s="31"/>
      <c r="AG42" s="31"/>
      <c r="AH42" s="31"/>
      <c r="AI42" s="31"/>
      <c r="AJ42" s="31"/>
      <c r="AK42" s="31"/>
      <c r="AL42" s="31"/>
      <c r="AM42" s="31"/>
      <c r="AN42" s="31"/>
      <c r="AO42" s="31"/>
      <c r="AP42" s="31"/>
      <c r="AQ42" s="31"/>
      <c r="AR42" s="31"/>
      <c r="AS42" s="31"/>
      <c r="AT42" s="31"/>
      <c r="AU42" s="31"/>
      <c r="AV42" s="31"/>
      <c r="AW42" s="31"/>
      <c r="AX42" s="31"/>
      <c r="AY42" s="31"/>
      <c r="AZ42" s="31"/>
      <c r="BA42" s="31"/>
      <c r="BB42" s="31"/>
      <c r="BC42" s="31"/>
      <c r="BD42" s="31"/>
      <c r="BE42" s="31"/>
      <c r="BF42" s="31"/>
      <c r="BG42" s="31"/>
      <c r="BH42" s="31"/>
      <c r="BI42" s="31"/>
      <c r="BJ42" s="31"/>
      <c r="BK42" s="31"/>
      <c r="BL42" s="31"/>
      <c r="BM42" s="74"/>
    </row>
    <row r="43" spans="2:65" s="16" customFormat="1" ht="13.35" customHeight="1">
      <c r="B43" s="17"/>
      <c r="C43" s="53"/>
      <c r="D43" s="53"/>
      <c r="E43" s="75"/>
      <c r="F43" s="32"/>
      <c r="G43" s="32"/>
      <c r="H43" s="32"/>
      <c r="I43" s="99"/>
      <c r="J43" s="31"/>
      <c r="K43" s="31"/>
      <c r="L43" s="31"/>
      <c r="M43" s="31"/>
      <c r="N43" s="31"/>
      <c r="O43" s="31"/>
      <c r="P43" s="31"/>
      <c r="Q43" s="31"/>
      <c r="R43" s="31"/>
      <c r="S43" s="31"/>
      <c r="T43" s="31"/>
      <c r="U43" s="31"/>
      <c r="V43" s="31"/>
      <c r="W43" s="31"/>
      <c r="X43" s="31"/>
      <c r="Y43" s="31"/>
      <c r="Z43" s="31"/>
      <c r="AA43" s="31"/>
      <c r="AB43" s="31"/>
      <c r="AC43" s="31"/>
      <c r="AD43" s="31"/>
      <c r="AE43" s="31"/>
      <c r="AF43" s="31"/>
      <c r="AG43" s="31"/>
      <c r="AH43" s="31"/>
      <c r="AI43" s="31"/>
      <c r="AJ43" s="31"/>
      <c r="AK43" s="31"/>
      <c r="AL43" s="31"/>
      <c r="AM43" s="31"/>
      <c r="AN43" s="31"/>
      <c r="AO43" s="31"/>
      <c r="AP43" s="31"/>
      <c r="AQ43" s="31"/>
      <c r="AR43" s="31"/>
      <c r="AS43" s="31"/>
      <c r="AT43" s="31"/>
      <c r="AU43" s="31"/>
      <c r="AV43" s="31"/>
      <c r="AW43" s="31"/>
      <c r="AX43" s="31"/>
      <c r="AY43" s="31"/>
      <c r="AZ43" s="31"/>
      <c r="BA43" s="31"/>
      <c r="BB43" s="31"/>
      <c r="BC43" s="31"/>
      <c r="BD43" s="31"/>
      <c r="BE43" s="31"/>
      <c r="BF43" s="31"/>
      <c r="BG43" s="31"/>
      <c r="BH43" s="31"/>
      <c r="BI43" s="31"/>
      <c r="BJ43" s="31"/>
      <c r="BK43" s="31"/>
      <c r="BL43" s="31"/>
      <c r="BM43" s="74"/>
    </row>
    <row r="44" spans="2:65" s="16" customFormat="1" ht="13.35" customHeight="1">
      <c r="B44" s="17"/>
      <c r="C44" s="53"/>
      <c r="D44" s="53"/>
      <c r="E44" s="75"/>
      <c r="F44" s="32"/>
      <c r="G44" s="32"/>
      <c r="H44" s="32"/>
      <c r="I44" s="99"/>
      <c r="J44" s="31"/>
      <c r="K44" s="31"/>
      <c r="L44" s="31"/>
      <c r="M44" s="31"/>
      <c r="N44" s="31"/>
      <c r="O44" s="31"/>
      <c r="P44" s="31"/>
      <c r="Q44" s="31"/>
      <c r="R44" s="31"/>
      <c r="S44" s="31"/>
      <c r="T44" s="31"/>
      <c r="U44" s="31"/>
      <c r="V44" s="31"/>
      <c r="W44" s="31"/>
      <c r="X44" s="31"/>
      <c r="Y44" s="31"/>
      <c r="Z44" s="31"/>
      <c r="AA44" s="31"/>
      <c r="AB44" s="31"/>
      <c r="AC44" s="31"/>
      <c r="AD44" s="31"/>
      <c r="AE44" s="31"/>
      <c r="AF44" s="31"/>
      <c r="AG44" s="31"/>
      <c r="AH44" s="31"/>
      <c r="AI44" s="31"/>
      <c r="AJ44" s="31"/>
      <c r="AK44" s="31"/>
      <c r="AL44" s="31"/>
      <c r="AM44" s="31"/>
      <c r="AN44" s="31"/>
      <c r="AO44" s="31"/>
      <c r="AP44" s="31"/>
      <c r="AQ44" s="31"/>
      <c r="AR44" s="31"/>
      <c r="AS44" s="31"/>
      <c r="AT44" s="31"/>
      <c r="AU44" s="31"/>
      <c r="AV44" s="31"/>
      <c r="AW44" s="31"/>
      <c r="AX44" s="31"/>
      <c r="AY44" s="31"/>
      <c r="AZ44" s="31"/>
      <c r="BA44" s="31"/>
      <c r="BB44" s="31"/>
      <c r="BC44" s="31"/>
      <c r="BD44" s="31"/>
      <c r="BE44" s="31"/>
      <c r="BF44" s="31"/>
      <c r="BG44" s="31"/>
      <c r="BH44" s="31"/>
      <c r="BI44" s="31"/>
      <c r="BJ44" s="31"/>
      <c r="BK44" s="31"/>
      <c r="BL44" s="31"/>
      <c r="BM44" s="74"/>
    </row>
    <row r="45" spans="2:65" s="16" customFormat="1" ht="13.35" customHeight="1">
      <c r="B45" s="17"/>
      <c r="C45" s="53"/>
      <c r="D45" s="53"/>
      <c r="E45" s="75"/>
      <c r="F45" s="32"/>
      <c r="G45" s="32"/>
      <c r="H45" s="32"/>
      <c r="I45" s="99"/>
      <c r="J45" s="31"/>
      <c r="K45" s="31"/>
      <c r="L45" s="31"/>
      <c r="M45" s="31"/>
      <c r="N45" s="31"/>
      <c r="O45" s="31"/>
      <c r="P45" s="31"/>
      <c r="Q45" s="31"/>
      <c r="R45" s="31"/>
      <c r="S45" s="31"/>
      <c r="T45" s="31"/>
      <c r="U45" s="31"/>
      <c r="V45" s="31"/>
      <c r="W45" s="31"/>
      <c r="X45" s="31"/>
      <c r="Y45" s="31"/>
      <c r="Z45" s="31"/>
      <c r="AA45" s="31"/>
      <c r="AB45" s="31"/>
      <c r="AC45" s="31"/>
      <c r="AD45" s="31"/>
      <c r="AE45" s="31"/>
      <c r="AF45" s="31"/>
      <c r="AG45" s="31"/>
      <c r="AH45" s="31"/>
      <c r="AI45" s="31"/>
      <c r="AJ45" s="31"/>
      <c r="AK45" s="31"/>
      <c r="AL45" s="31"/>
      <c r="AM45" s="31"/>
      <c r="AN45" s="31"/>
      <c r="AO45" s="31"/>
      <c r="AP45" s="31"/>
      <c r="AQ45" s="31"/>
      <c r="AR45" s="31"/>
      <c r="AS45" s="31"/>
      <c r="AT45" s="31"/>
      <c r="AU45" s="31"/>
      <c r="AV45" s="31"/>
      <c r="AW45" s="31"/>
      <c r="AX45" s="31"/>
      <c r="AY45" s="31"/>
      <c r="AZ45" s="31"/>
      <c r="BA45" s="31"/>
      <c r="BB45" s="31"/>
      <c r="BC45" s="31"/>
      <c r="BD45" s="31"/>
      <c r="BE45" s="31"/>
      <c r="BF45" s="31"/>
      <c r="BG45" s="31"/>
      <c r="BH45" s="31"/>
      <c r="BI45" s="31"/>
      <c r="BJ45" s="31"/>
      <c r="BK45" s="31"/>
      <c r="BL45" s="31"/>
      <c r="BM45" s="74"/>
    </row>
    <row r="46" spans="2:65" s="16" customFormat="1" ht="13.35" customHeight="1">
      <c r="B46" s="17"/>
      <c r="C46" s="53"/>
      <c r="D46" s="53"/>
      <c r="E46" s="75"/>
      <c r="F46" s="32"/>
      <c r="G46" s="32"/>
      <c r="H46" s="32"/>
      <c r="I46" s="99"/>
      <c r="J46" s="31"/>
      <c r="K46" s="31"/>
      <c r="L46" s="31"/>
      <c r="M46" s="31"/>
      <c r="N46" s="31"/>
      <c r="O46" s="31"/>
      <c r="P46" s="31"/>
      <c r="Q46" s="31"/>
      <c r="R46" s="31"/>
      <c r="S46" s="3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31"/>
      <c r="AF46" s="31"/>
      <c r="AG46" s="31"/>
      <c r="AH46" s="31"/>
      <c r="AI46" s="31"/>
      <c r="AJ46" s="31"/>
      <c r="AK46" s="31"/>
      <c r="AL46" s="31"/>
      <c r="AM46" s="31"/>
      <c r="AN46" s="31"/>
      <c r="AO46" s="31"/>
      <c r="AP46" s="31"/>
      <c r="AQ46" s="31"/>
      <c r="AR46" s="31"/>
      <c r="AS46" s="31"/>
      <c r="AT46" s="31"/>
      <c r="AU46" s="31"/>
      <c r="AV46" s="31"/>
      <c r="AW46" s="31"/>
      <c r="AX46" s="31"/>
      <c r="AY46" s="31"/>
      <c r="AZ46" s="31"/>
      <c r="BA46" s="31"/>
      <c r="BB46" s="31"/>
      <c r="BC46" s="31"/>
      <c r="BD46" s="31"/>
      <c r="BE46" s="31"/>
      <c r="BF46" s="31"/>
      <c r="BG46" s="31"/>
      <c r="BH46" s="31"/>
      <c r="BI46" s="31"/>
      <c r="BJ46" s="31"/>
      <c r="BK46" s="31"/>
      <c r="BL46" s="31"/>
      <c r="BM46" s="74"/>
    </row>
    <row r="47" spans="2:65" s="16" customFormat="1" ht="13.35" customHeight="1">
      <c r="B47" s="17"/>
      <c r="C47" s="53"/>
      <c r="D47" s="53"/>
      <c r="E47" s="75"/>
      <c r="F47" s="32"/>
      <c r="G47" s="32"/>
      <c r="H47" s="32"/>
      <c r="I47" s="99"/>
      <c r="J47" s="31"/>
      <c r="K47" s="31"/>
      <c r="L47" s="31"/>
      <c r="M47" s="31"/>
      <c r="N47" s="31"/>
      <c r="O47" s="31"/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31"/>
      <c r="AA47" s="31"/>
      <c r="AB47" s="31"/>
      <c r="AC47" s="31"/>
      <c r="AD47" s="31"/>
      <c r="AE47" s="31"/>
      <c r="AF47" s="31"/>
      <c r="AG47" s="31"/>
      <c r="AH47" s="31"/>
      <c r="AI47" s="31"/>
      <c r="AJ47" s="31"/>
      <c r="AK47" s="31"/>
      <c r="AL47" s="31"/>
      <c r="AM47" s="31"/>
      <c r="AN47" s="31"/>
      <c r="AO47" s="31"/>
      <c r="AP47" s="31"/>
      <c r="AQ47" s="31"/>
      <c r="AR47" s="31"/>
      <c r="AS47" s="31"/>
      <c r="AT47" s="31"/>
      <c r="AU47" s="31"/>
      <c r="AV47" s="31"/>
      <c r="AW47" s="31"/>
      <c r="AX47" s="31"/>
      <c r="AY47" s="31"/>
      <c r="AZ47" s="31"/>
      <c r="BA47" s="31"/>
      <c r="BB47" s="31"/>
      <c r="BC47" s="31"/>
      <c r="BD47" s="31"/>
      <c r="BE47" s="31"/>
      <c r="BF47" s="31"/>
      <c r="BG47" s="31"/>
      <c r="BH47" s="31"/>
      <c r="BI47" s="31"/>
      <c r="BJ47" s="31"/>
      <c r="BK47" s="31"/>
      <c r="BL47" s="31"/>
      <c r="BM47" s="74"/>
    </row>
    <row r="48" spans="2:65" s="16" customFormat="1" ht="13.35" customHeight="1">
      <c r="B48" s="17"/>
      <c r="C48" s="53"/>
      <c r="D48" s="53"/>
      <c r="E48" s="75"/>
      <c r="F48" s="32"/>
      <c r="G48" s="32"/>
      <c r="H48" s="32"/>
      <c r="I48" s="99"/>
      <c r="J48" s="31"/>
      <c r="K48" s="31"/>
      <c r="L48" s="31"/>
      <c r="M48" s="31"/>
      <c r="N48" s="31"/>
      <c r="O48" s="31"/>
      <c r="P48" s="31"/>
      <c r="Q48" s="31"/>
      <c r="R48" s="31"/>
      <c r="S48" s="31"/>
      <c r="T48" s="31"/>
      <c r="U48" s="31"/>
      <c r="V48" s="31"/>
      <c r="W48" s="31"/>
      <c r="X48" s="31"/>
      <c r="Y48" s="31"/>
      <c r="Z48" s="31"/>
      <c r="AA48" s="31"/>
      <c r="AB48" s="31"/>
      <c r="AC48" s="31"/>
      <c r="AD48" s="31"/>
      <c r="AE48" s="31"/>
      <c r="AF48" s="31"/>
      <c r="AG48" s="31"/>
      <c r="AH48" s="31"/>
      <c r="AI48" s="31"/>
      <c r="AJ48" s="31"/>
      <c r="AK48" s="31"/>
      <c r="AL48" s="31"/>
      <c r="AM48" s="31"/>
      <c r="AN48" s="31"/>
      <c r="AO48" s="31"/>
      <c r="AP48" s="31"/>
      <c r="AQ48" s="31"/>
      <c r="AR48" s="31"/>
      <c r="AS48" s="31"/>
      <c r="AT48" s="31"/>
      <c r="AU48" s="31"/>
      <c r="AV48" s="31"/>
      <c r="AW48" s="31"/>
      <c r="AX48" s="31"/>
      <c r="AY48" s="31"/>
      <c r="AZ48" s="31"/>
      <c r="BA48" s="31"/>
      <c r="BB48" s="31"/>
      <c r="BC48" s="31"/>
      <c r="BD48" s="31"/>
      <c r="BE48" s="31"/>
      <c r="BF48" s="31"/>
      <c r="BG48" s="31"/>
      <c r="BH48" s="31"/>
      <c r="BI48" s="31"/>
      <c r="BJ48" s="31"/>
      <c r="BK48" s="31"/>
      <c r="BL48" s="31"/>
      <c r="BM48" s="74"/>
    </row>
    <row r="49" spans="2:65" s="16" customFormat="1" ht="13.35" customHeight="1">
      <c r="B49" s="17"/>
      <c r="C49" s="53"/>
      <c r="D49" s="53"/>
      <c r="E49" s="75"/>
      <c r="F49" s="32"/>
      <c r="G49" s="32"/>
      <c r="H49" s="32"/>
      <c r="I49" s="99"/>
      <c r="J49" s="31"/>
      <c r="K49" s="31"/>
      <c r="L49" s="31"/>
      <c r="M49" s="31"/>
      <c r="N49" s="31"/>
      <c r="O49" s="31"/>
      <c r="P49" s="31"/>
      <c r="Q49" s="31"/>
      <c r="R49" s="31"/>
      <c r="S49" s="31"/>
      <c r="T49" s="31"/>
      <c r="U49" s="31"/>
      <c r="V49" s="31"/>
      <c r="W49" s="31"/>
      <c r="X49" s="31"/>
      <c r="Y49" s="31"/>
      <c r="Z49" s="31"/>
      <c r="AA49" s="31"/>
      <c r="AB49" s="31"/>
      <c r="AC49" s="31"/>
      <c r="AD49" s="31"/>
      <c r="AE49" s="31"/>
      <c r="AF49" s="31"/>
      <c r="AG49" s="31"/>
      <c r="AH49" s="31"/>
      <c r="AI49" s="31"/>
      <c r="AJ49" s="31"/>
      <c r="AK49" s="31"/>
      <c r="AL49" s="31"/>
      <c r="AM49" s="31"/>
      <c r="AN49" s="31"/>
      <c r="AO49" s="31"/>
      <c r="AP49" s="31"/>
      <c r="AQ49" s="31"/>
      <c r="AR49" s="31"/>
      <c r="AS49" s="31"/>
      <c r="AT49" s="31"/>
      <c r="AU49" s="31"/>
      <c r="AV49" s="31"/>
      <c r="AW49" s="31"/>
      <c r="AX49" s="31"/>
      <c r="AY49" s="31"/>
      <c r="AZ49" s="31"/>
      <c r="BA49" s="31"/>
      <c r="BB49" s="31"/>
      <c r="BC49" s="31"/>
      <c r="BD49" s="31"/>
      <c r="BE49" s="31"/>
      <c r="BF49" s="31"/>
      <c r="BG49" s="31"/>
      <c r="BH49" s="31"/>
      <c r="BI49" s="31"/>
      <c r="BJ49" s="31"/>
      <c r="BK49" s="31"/>
      <c r="BL49" s="31"/>
      <c r="BM49" s="74"/>
    </row>
    <row r="50" spans="2:65" s="16" customFormat="1" ht="13.35" customHeight="1">
      <c r="B50" s="17"/>
      <c r="C50" s="53"/>
      <c r="D50" s="53"/>
      <c r="E50" s="75"/>
      <c r="F50" s="32"/>
      <c r="G50" s="32"/>
      <c r="H50" s="32"/>
      <c r="I50" s="99"/>
      <c r="J50" s="31"/>
      <c r="K50" s="31"/>
      <c r="L50" s="31"/>
      <c r="M50" s="31"/>
      <c r="N50" s="31"/>
      <c r="O50" s="31"/>
      <c r="P50" s="31"/>
      <c r="Q50" s="31"/>
      <c r="R50" s="31"/>
      <c r="S50" s="31"/>
      <c r="T50" s="31"/>
      <c r="U50" s="31"/>
      <c r="V50" s="31"/>
      <c r="W50" s="31"/>
      <c r="X50" s="31"/>
      <c r="Y50" s="31"/>
      <c r="Z50" s="31"/>
      <c r="AA50" s="31"/>
      <c r="AB50" s="31"/>
      <c r="AC50" s="31"/>
      <c r="AD50" s="31"/>
      <c r="AE50" s="31"/>
      <c r="AF50" s="31"/>
      <c r="AG50" s="31"/>
      <c r="AH50" s="31"/>
      <c r="AI50" s="31"/>
      <c r="AJ50" s="31"/>
      <c r="AK50" s="31"/>
      <c r="AL50" s="31"/>
      <c r="AM50" s="31"/>
      <c r="AN50" s="31"/>
      <c r="AO50" s="31"/>
      <c r="AP50" s="31"/>
      <c r="AQ50" s="31"/>
      <c r="AR50" s="31"/>
      <c r="AS50" s="31"/>
      <c r="AT50" s="31"/>
      <c r="AU50" s="31"/>
      <c r="AV50" s="31"/>
      <c r="AW50" s="31"/>
      <c r="AX50" s="31"/>
      <c r="AY50" s="31"/>
      <c r="AZ50" s="31"/>
      <c r="BA50" s="31"/>
      <c r="BB50" s="31"/>
      <c r="BC50" s="31"/>
      <c r="BD50" s="31"/>
      <c r="BE50" s="31"/>
      <c r="BF50" s="31"/>
      <c r="BG50" s="31"/>
      <c r="BH50" s="31"/>
      <c r="BI50" s="31"/>
      <c r="BJ50" s="31"/>
      <c r="BK50" s="31"/>
      <c r="BL50" s="31"/>
      <c r="BM50" s="74"/>
    </row>
    <row r="51" spans="2:65" s="16" customFormat="1" ht="13.35" customHeight="1">
      <c r="B51" s="17"/>
      <c r="C51" s="53"/>
      <c r="D51" s="53"/>
      <c r="E51" s="75"/>
      <c r="F51" s="32"/>
      <c r="G51" s="32"/>
      <c r="H51" s="32"/>
      <c r="I51" s="99"/>
      <c r="J51" s="31"/>
      <c r="K51" s="31"/>
      <c r="L51" s="31"/>
      <c r="M51" s="31"/>
      <c r="N51" s="31"/>
      <c r="O51" s="31"/>
      <c r="P51" s="31"/>
      <c r="Q51" s="31"/>
      <c r="R51" s="31"/>
      <c r="S51" s="31"/>
      <c r="T51" s="31"/>
      <c r="U51" s="31"/>
      <c r="V51" s="31"/>
      <c r="W51" s="31"/>
      <c r="X51" s="31"/>
      <c r="Y51" s="31"/>
      <c r="Z51" s="31"/>
      <c r="AA51" s="31"/>
      <c r="AB51" s="31"/>
      <c r="AC51" s="31"/>
      <c r="AD51" s="31"/>
      <c r="AE51" s="31"/>
      <c r="AF51" s="31"/>
      <c r="AG51" s="31"/>
      <c r="AH51" s="31"/>
      <c r="AI51" s="31"/>
      <c r="AJ51" s="31"/>
      <c r="AK51" s="31"/>
      <c r="AL51" s="31"/>
      <c r="AM51" s="31"/>
      <c r="AN51" s="31"/>
      <c r="AO51" s="31"/>
      <c r="AP51" s="31"/>
      <c r="AQ51" s="31"/>
      <c r="AR51" s="31"/>
      <c r="AS51" s="31"/>
      <c r="AT51" s="31"/>
      <c r="AU51" s="31"/>
      <c r="AV51" s="31"/>
      <c r="AW51" s="31"/>
      <c r="AX51" s="31"/>
      <c r="AY51" s="31"/>
      <c r="AZ51" s="31"/>
      <c r="BA51" s="31"/>
      <c r="BB51" s="31"/>
      <c r="BC51" s="31"/>
      <c r="BD51" s="31"/>
      <c r="BE51" s="31"/>
      <c r="BF51" s="31"/>
      <c r="BG51" s="31"/>
      <c r="BH51" s="31"/>
      <c r="BI51" s="31"/>
      <c r="BJ51" s="31"/>
      <c r="BK51" s="31"/>
      <c r="BL51" s="31"/>
      <c r="BM51" s="74"/>
    </row>
    <row r="52" spans="2:65" s="16" customFormat="1" ht="13.35" customHeight="1">
      <c r="B52" s="17"/>
      <c r="C52" s="53"/>
      <c r="D52" s="53"/>
      <c r="E52" s="75"/>
      <c r="F52" s="32"/>
      <c r="G52" s="32"/>
      <c r="H52" s="32"/>
      <c r="I52" s="99"/>
      <c r="J52" s="31"/>
      <c r="K52" s="31"/>
      <c r="L52" s="31"/>
      <c r="M52" s="31"/>
      <c r="N52" s="31"/>
      <c r="O52" s="31"/>
      <c r="P52" s="31"/>
      <c r="Q52" s="31"/>
      <c r="R52" s="31"/>
      <c r="S52" s="31"/>
      <c r="T52" s="31"/>
      <c r="U52" s="31"/>
      <c r="V52" s="31"/>
      <c r="W52" s="31"/>
      <c r="X52" s="31"/>
      <c r="Y52" s="31"/>
      <c r="Z52" s="31"/>
      <c r="AA52" s="31"/>
      <c r="AB52" s="31"/>
      <c r="AC52" s="31"/>
      <c r="AD52" s="31"/>
      <c r="AE52" s="31"/>
      <c r="AF52" s="31"/>
      <c r="AG52" s="31"/>
      <c r="AH52" s="31"/>
      <c r="AI52" s="31"/>
      <c r="AJ52" s="31"/>
      <c r="AK52" s="31"/>
      <c r="AL52" s="31"/>
      <c r="AM52" s="31"/>
      <c r="AN52" s="31"/>
      <c r="AO52" s="31"/>
      <c r="AP52" s="31"/>
      <c r="AQ52" s="31"/>
      <c r="AR52" s="31"/>
      <c r="AS52" s="31"/>
      <c r="AT52" s="31"/>
      <c r="AU52" s="31"/>
      <c r="AV52" s="31"/>
      <c r="AW52" s="31"/>
      <c r="AX52" s="31"/>
      <c r="AY52" s="31"/>
      <c r="AZ52" s="31"/>
      <c r="BA52" s="31"/>
      <c r="BB52" s="31"/>
      <c r="BC52" s="31"/>
      <c r="BD52" s="31"/>
      <c r="BE52" s="31"/>
      <c r="BF52" s="31"/>
      <c r="BG52" s="31"/>
      <c r="BH52" s="31"/>
      <c r="BI52" s="31"/>
      <c r="BJ52" s="31"/>
      <c r="BK52" s="31"/>
      <c r="BL52" s="31"/>
      <c r="BM52" s="74"/>
    </row>
    <row r="53" spans="2:65" s="16" customFormat="1" ht="13.35" customHeight="1">
      <c r="B53" s="17"/>
      <c r="C53" s="53"/>
      <c r="D53" s="53"/>
      <c r="E53" s="75"/>
      <c r="F53" s="32"/>
      <c r="G53" s="32"/>
      <c r="H53" s="32"/>
      <c r="I53" s="99"/>
      <c r="J53" s="31"/>
      <c r="K53" s="31"/>
      <c r="L53" s="31"/>
      <c r="M53" s="31"/>
      <c r="N53" s="31"/>
      <c r="O53" s="31"/>
      <c r="P53" s="31"/>
      <c r="Q53" s="31"/>
      <c r="R53" s="31"/>
      <c r="S53" s="31"/>
      <c r="T53" s="31"/>
      <c r="U53" s="31"/>
      <c r="V53" s="31"/>
      <c r="W53" s="31"/>
      <c r="X53" s="31"/>
      <c r="Y53" s="31"/>
      <c r="Z53" s="31"/>
      <c r="AA53" s="31"/>
      <c r="AB53" s="31"/>
      <c r="AC53" s="31"/>
      <c r="AD53" s="31"/>
      <c r="AE53" s="31"/>
      <c r="AF53" s="31"/>
      <c r="AG53" s="31"/>
      <c r="AH53" s="31"/>
      <c r="AI53" s="31"/>
      <c r="AJ53" s="31"/>
      <c r="AK53" s="31"/>
      <c r="AL53" s="31"/>
      <c r="AM53" s="31"/>
      <c r="AN53" s="31"/>
      <c r="AO53" s="31"/>
      <c r="AP53" s="31"/>
      <c r="AQ53" s="31"/>
      <c r="AR53" s="31"/>
      <c r="AS53" s="31"/>
      <c r="AT53" s="31"/>
      <c r="AU53" s="31"/>
      <c r="AV53" s="31"/>
      <c r="AW53" s="31"/>
      <c r="AX53" s="31"/>
      <c r="AY53" s="31"/>
      <c r="AZ53" s="31"/>
      <c r="BA53" s="31"/>
      <c r="BB53" s="31"/>
      <c r="BC53" s="31"/>
      <c r="BD53" s="31"/>
      <c r="BE53" s="31"/>
      <c r="BF53" s="31"/>
      <c r="BG53" s="31"/>
      <c r="BH53" s="31"/>
      <c r="BI53" s="31"/>
      <c r="BJ53" s="31"/>
      <c r="BK53" s="31"/>
      <c r="BL53" s="31"/>
      <c r="BM53" s="74"/>
    </row>
    <row r="54" spans="2:65" s="16" customFormat="1" ht="13.35" customHeight="1">
      <c r="B54" s="17"/>
      <c r="C54" s="31"/>
      <c r="D54" s="31"/>
      <c r="E54" s="75"/>
      <c r="F54" s="32"/>
      <c r="G54" s="32"/>
      <c r="H54" s="33"/>
      <c r="I54" s="99"/>
      <c r="J54" s="31"/>
      <c r="K54" s="31"/>
      <c r="L54" s="31"/>
      <c r="M54" s="31"/>
      <c r="N54" s="31"/>
      <c r="O54" s="31"/>
      <c r="P54" s="31"/>
      <c r="Q54" s="31"/>
      <c r="R54" s="31"/>
      <c r="S54" s="31"/>
      <c r="T54" s="31"/>
      <c r="U54" s="31"/>
      <c r="V54" s="31"/>
      <c r="W54" s="31"/>
      <c r="X54" s="31"/>
      <c r="Y54" s="31"/>
      <c r="Z54" s="31"/>
      <c r="AA54" s="31"/>
      <c r="AB54" s="31"/>
      <c r="AC54" s="31"/>
      <c r="AD54" s="31"/>
      <c r="AE54" s="31"/>
      <c r="AF54" s="31"/>
      <c r="AG54" s="31"/>
      <c r="AH54" s="31"/>
      <c r="AI54" s="31"/>
      <c r="AJ54" s="31"/>
      <c r="AK54" s="31"/>
      <c r="AL54" s="31"/>
      <c r="AM54" s="31"/>
      <c r="AN54" s="31"/>
      <c r="AO54" s="31"/>
      <c r="AP54" s="31"/>
      <c r="AQ54" s="31"/>
      <c r="AR54" s="31"/>
      <c r="AS54" s="31"/>
      <c r="AT54" s="31"/>
      <c r="AU54" s="31"/>
      <c r="AV54" s="31"/>
      <c r="AW54" s="31"/>
      <c r="AX54" s="31"/>
      <c r="AY54" s="31"/>
      <c r="AZ54" s="31"/>
      <c r="BA54" s="31"/>
      <c r="BB54" s="31"/>
      <c r="BC54" s="31"/>
      <c r="BD54" s="31"/>
      <c r="BE54" s="31"/>
      <c r="BF54" s="31"/>
      <c r="BG54" s="31"/>
      <c r="BH54" s="31"/>
      <c r="BI54" s="31"/>
      <c r="BJ54" s="31"/>
      <c r="BK54" s="31"/>
      <c r="BL54" s="31"/>
      <c r="BM54" s="74"/>
    </row>
    <row r="55" spans="2:65" s="16" customFormat="1" ht="13.35" customHeight="1">
      <c r="B55" s="17"/>
      <c r="C55" s="31"/>
      <c r="D55" s="31"/>
      <c r="E55" s="75"/>
      <c r="F55" s="32"/>
      <c r="G55" s="32"/>
      <c r="H55" s="33"/>
      <c r="I55" s="99"/>
      <c r="J55" s="31"/>
      <c r="K55" s="31"/>
      <c r="L55" s="31"/>
      <c r="M55" s="31"/>
      <c r="N55" s="31"/>
      <c r="O55" s="31"/>
      <c r="P55" s="31"/>
      <c r="Q55" s="31"/>
      <c r="R55" s="31"/>
      <c r="S55" s="31"/>
      <c r="T55" s="31"/>
      <c r="U55" s="31"/>
      <c r="V55" s="31"/>
      <c r="W55" s="31"/>
      <c r="X55" s="31"/>
      <c r="Y55" s="31"/>
      <c r="Z55" s="31"/>
      <c r="AA55" s="31"/>
      <c r="AB55" s="31"/>
      <c r="AC55" s="31"/>
      <c r="AD55" s="31"/>
      <c r="AE55" s="31"/>
      <c r="AF55" s="31"/>
      <c r="AG55" s="31"/>
      <c r="AH55" s="31"/>
      <c r="AI55" s="31"/>
      <c r="AJ55" s="31"/>
      <c r="AK55" s="31"/>
      <c r="AL55" s="31"/>
      <c r="AM55" s="31"/>
      <c r="AN55" s="31"/>
      <c r="AO55" s="31"/>
      <c r="AP55" s="31"/>
      <c r="AQ55" s="31"/>
      <c r="AR55" s="31"/>
      <c r="AS55" s="31"/>
      <c r="AT55" s="31"/>
      <c r="AU55" s="31"/>
      <c r="AV55" s="31"/>
      <c r="AW55" s="31"/>
      <c r="AX55" s="31"/>
      <c r="AY55" s="31"/>
      <c r="AZ55" s="31"/>
      <c r="BA55" s="31"/>
      <c r="BB55" s="31"/>
      <c r="BC55" s="31"/>
      <c r="BD55" s="31"/>
      <c r="BE55" s="31"/>
      <c r="BF55" s="31"/>
      <c r="BG55" s="31"/>
      <c r="BH55" s="31"/>
      <c r="BI55" s="31"/>
      <c r="BJ55" s="31"/>
      <c r="BK55" s="31"/>
      <c r="BL55" s="31"/>
      <c r="BM55" s="74"/>
    </row>
    <row r="56" spans="2:65" s="16" customFormat="1" ht="13.35" customHeight="1">
      <c r="B56" s="17"/>
      <c r="C56" s="53"/>
      <c r="D56" s="53"/>
      <c r="E56" s="75"/>
      <c r="F56" s="32"/>
      <c r="G56" s="32"/>
      <c r="H56" s="32"/>
      <c r="I56" s="99"/>
      <c r="J56" s="31"/>
      <c r="K56" s="31"/>
      <c r="L56" s="31"/>
      <c r="M56" s="31"/>
      <c r="N56" s="31"/>
      <c r="O56" s="31"/>
      <c r="P56" s="31"/>
      <c r="Q56" s="31"/>
      <c r="R56" s="31"/>
      <c r="S56" s="31"/>
      <c r="T56" s="31"/>
      <c r="U56" s="31"/>
      <c r="V56" s="31"/>
      <c r="W56" s="31"/>
      <c r="X56" s="31"/>
      <c r="Y56" s="31"/>
      <c r="Z56" s="31"/>
      <c r="AA56" s="31"/>
      <c r="AB56" s="31"/>
      <c r="AC56" s="31"/>
      <c r="AD56" s="31"/>
      <c r="AE56" s="31"/>
      <c r="AF56" s="31"/>
      <c r="AG56" s="31"/>
      <c r="AH56" s="31"/>
      <c r="AI56" s="31"/>
      <c r="AJ56" s="31"/>
      <c r="AK56" s="31"/>
      <c r="AL56" s="31"/>
      <c r="AM56" s="31"/>
      <c r="AN56" s="31"/>
      <c r="AO56" s="31"/>
      <c r="AP56" s="31"/>
      <c r="AQ56" s="31"/>
      <c r="AR56" s="31"/>
      <c r="AS56" s="31"/>
      <c r="AT56" s="31"/>
      <c r="AU56" s="31"/>
      <c r="AV56" s="31"/>
      <c r="AW56" s="31"/>
      <c r="AX56" s="31"/>
      <c r="AY56" s="31"/>
      <c r="AZ56" s="31"/>
      <c r="BA56" s="31"/>
      <c r="BB56" s="31"/>
      <c r="BC56" s="31"/>
      <c r="BD56" s="31"/>
      <c r="BE56" s="31"/>
      <c r="BF56" s="31"/>
      <c r="BG56" s="31"/>
      <c r="BH56" s="31"/>
      <c r="BI56" s="31"/>
      <c r="BJ56" s="31"/>
      <c r="BK56" s="31"/>
      <c r="BL56" s="31"/>
      <c r="BM56" s="74"/>
    </row>
    <row r="57" spans="2:65" s="16" customFormat="1" ht="13.35" customHeight="1">
      <c r="B57" s="17"/>
      <c r="C57" s="82"/>
      <c r="D57" s="82"/>
      <c r="E57" s="77"/>
      <c r="F57" s="41"/>
      <c r="G57" s="41"/>
      <c r="H57" s="41"/>
      <c r="I57" s="100"/>
      <c r="J57" s="40"/>
      <c r="K57" s="40"/>
      <c r="L57" s="40"/>
      <c r="M57" s="40"/>
      <c r="N57" s="40"/>
      <c r="O57" s="40"/>
      <c r="P57" s="40"/>
      <c r="Q57" s="40"/>
      <c r="R57" s="40"/>
      <c r="S57" s="40"/>
      <c r="T57" s="40"/>
      <c r="U57" s="40"/>
      <c r="V57" s="40"/>
      <c r="W57" s="40"/>
      <c r="X57" s="40"/>
      <c r="Y57" s="40"/>
      <c r="Z57" s="40"/>
      <c r="AA57" s="40"/>
      <c r="AB57" s="40"/>
      <c r="AC57" s="40"/>
      <c r="AD57" s="40"/>
      <c r="AE57" s="40"/>
      <c r="AF57" s="40"/>
      <c r="AG57" s="40"/>
      <c r="AH57" s="40"/>
      <c r="AI57" s="40"/>
      <c r="AJ57" s="40"/>
      <c r="AK57" s="40"/>
      <c r="AL57" s="40"/>
      <c r="AM57" s="40"/>
      <c r="AN57" s="40"/>
      <c r="AO57" s="40"/>
      <c r="AP57" s="40"/>
      <c r="AQ57" s="40"/>
      <c r="AR57" s="40"/>
      <c r="AS57" s="40"/>
      <c r="AT57" s="40"/>
      <c r="AU57" s="40"/>
      <c r="AV57" s="40"/>
      <c r="AW57" s="40"/>
      <c r="AX57" s="40"/>
      <c r="AY57" s="40"/>
      <c r="AZ57" s="40"/>
      <c r="BA57" s="40"/>
      <c r="BB57" s="40"/>
      <c r="BC57" s="40"/>
      <c r="BD57" s="40"/>
      <c r="BE57" s="40"/>
      <c r="BF57" s="40"/>
      <c r="BG57" s="40"/>
      <c r="BH57" s="40"/>
      <c r="BI57" s="40"/>
      <c r="BJ57" s="40"/>
      <c r="BK57" s="40"/>
      <c r="BL57" s="40"/>
      <c r="BM57" s="78"/>
    </row>
    <row r="58" spans="2:65" s="16" customFormat="1" ht="13.35" customHeight="1">
      <c r="B58" s="83"/>
      <c r="C58" s="84" t="s">
        <v>40</v>
      </c>
      <c r="D58" s="85"/>
      <c r="E58" s="86">
        <v>693.5</v>
      </c>
      <c r="F58" s="87" t="s">
        <v>44</v>
      </c>
      <c r="G58" s="88" t="s">
        <v>41</v>
      </c>
      <c r="H58" s="108" t="s">
        <v>80</v>
      </c>
      <c r="I58" s="103" t="s">
        <v>37</v>
      </c>
      <c r="J58" s="89"/>
      <c r="K58" s="89"/>
      <c r="L58" s="89"/>
      <c r="M58" s="89"/>
      <c r="N58" s="89"/>
      <c r="O58" s="89"/>
      <c r="P58" s="89"/>
      <c r="Q58" s="89"/>
      <c r="R58" s="89"/>
      <c r="S58" s="89"/>
      <c r="T58" s="89"/>
      <c r="U58" s="89"/>
      <c r="V58" s="89"/>
      <c r="W58" s="89"/>
      <c r="X58" s="89"/>
      <c r="Y58" s="89"/>
      <c r="Z58" s="89"/>
      <c r="AA58" s="89"/>
      <c r="AB58" s="89"/>
      <c r="AC58" s="89"/>
      <c r="AD58" s="89"/>
      <c r="AE58" s="89"/>
      <c r="AF58" s="89"/>
      <c r="AG58" s="89"/>
      <c r="AH58" s="89"/>
      <c r="AI58" s="89"/>
      <c r="AJ58" s="89"/>
      <c r="AK58" s="89"/>
      <c r="AL58" s="89"/>
      <c r="AM58" s="89"/>
      <c r="AN58" s="89"/>
      <c r="AO58" s="89"/>
      <c r="AP58" s="89"/>
      <c r="AQ58" s="89"/>
      <c r="AR58" s="89"/>
      <c r="AS58" s="89"/>
      <c r="AT58" s="89"/>
      <c r="AU58" s="89"/>
      <c r="AV58" s="89"/>
      <c r="AW58" s="89"/>
      <c r="AX58" s="133"/>
      <c r="AY58" s="133"/>
      <c r="AZ58" s="133"/>
      <c r="BA58" s="133"/>
      <c r="BB58" s="89"/>
      <c r="BC58" s="89"/>
      <c r="BD58" s="89"/>
      <c r="BE58" s="89"/>
      <c r="BF58" s="89"/>
      <c r="BG58" s="89"/>
      <c r="BH58" s="89"/>
      <c r="BI58" s="89"/>
      <c r="BJ58" s="89"/>
      <c r="BK58" s="89"/>
      <c r="BL58" s="89"/>
      <c r="BM58" s="90"/>
    </row>
    <row r="59" spans="2:65" s="16" customFormat="1" ht="13.35" customHeight="1">
      <c r="B59" s="17"/>
      <c r="C59" s="70" t="s">
        <v>30</v>
      </c>
      <c r="D59" s="51"/>
      <c r="E59" s="91"/>
      <c r="F59" s="92"/>
      <c r="G59" s="28" t="s">
        <v>42</v>
      </c>
      <c r="H59" s="30" t="s">
        <v>80</v>
      </c>
      <c r="I59" s="98" t="s">
        <v>37</v>
      </c>
      <c r="J59" s="29"/>
      <c r="K59" s="29"/>
      <c r="L59" s="29"/>
      <c r="M59" s="29"/>
      <c r="N59" s="29"/>
      <c r="O59" s="29"/>
      <c r="P59" s="29"/>
      <c r="Q59" s="29"/>
      <c r="R59" s="29"/>
      <c r="S59" s="29"/>
      <c r="T59" s="29"/>
      <c r="U59" s="29"/>
      <c r="V59" s="29"/>
      <c r="W59" s="29"/>
      <c r="X59" s="29"/>
      <c r="Y59" s="29"/>
      <c r="Z59" s="29"/>
      <c r="AA59" s="29"/>
      <c r="AB59" s="29"/>
      <c r="AC59" s="29"/>
      <c r="AD59" s="29"/>
      <c r="AE59" s="29"/>
      <c r="AF59" s="29"/>
      <c r="AG59" s="29"/>
      <c r="AH59" s="29"/>
      <c r="AI59" s="29"/>
      <c r="AJ59" s="29"/>
      <c r="AK59" s="29"/>
      <c r="AL59" s="29"/>
      <c r="AM59" s="29"/>
      <c r="AN59" s="29"/>
      <c r="AO59" s="29"/>
      <c r="AP59" s="29"/>
      <c r="AQ59" s="29"/>
      <c r="AR59" s="29"/>
      <c r="AS59" s="29"/>
      <c r="AT59" s="29"/>
      <c r="AU59" s="29"/>
      <c r="AV59" s="29"/>
      <c r="AW59" s="29"/>
      <c r="AX59" s="29"/>
      <c r="AY59" s="132"/>
      <c r="AZ59" s="132"/>
      <c r="BA59" s="132"/>
      <c r="BB59" s="132"/>
      <c r="BC59" s="29"/>
      <c r="BD59" s="29"/>
      <c r="BE59" s="29"/>
      <c r="BF59" s="29"/>
      <c r="BG59" s="29"/>
      <c r="BH59" s="29"/>
      <c r="BI59" s="29"/>
      <c r="BJ59" s="29"/>
      <c r="BK59" s="29"/>
      <c r="BL59" s="29"/>
      <c r="BM59" s="81"/>
    </row>
    <row r="60" spans="2:65" s="16" customFormat="1" ht="13.35" customHeight="1">
      <c r="B60" s="17"/>
      <c r="C60" s="31"/>
      <c r="D60" s="31"/>
      <c r="E60" s="75"/>
      <c r="F60" s="32"/>
      <c r="G60" s="32"/>
      <c r="H60" s="33"/>
      <c r="I60" s="99"/>
      <c r="J60" s="31"/>
      <c r="K60" s="31"/>
      <c r="L60" s="31"/>
      <c r="M60" s="31"/>
      <c r="N60" s="31"/>
      <c r="O60" s="31"/>
      <c r="P60" s="31"/>
      <c r="Q60" s="31"/>
      <c r="R60" s="31"/>
      <c r="S60" s="31"/>
      <c r="T60" s="31"/>
      <c r="U60" s="31"/>
      <c r="V60" s="31"/>
      <c r="W60" s="31"/>
      <c r="X60" s="31"/>
      <c r="Y60" s="31"/>
      <c r="Z60" s="31"/>
      <c r="AA60" s="31"/>
      <c r="AB60" s="31"/>
      <c r="AC60" s="31"/>
      <c r="AD60" s="31"/>
      <c r="AE60" s="31"/>
      <c r="AF60" s="31"/>
      <c r="AG60" s="31"/>
      <c r="AH60" s="31"/>
      <c r="AI60" s="31"/>
      <c r="AJ60" s="31"/>
      <c r="AK60" s="31"/>
      <c r="AL60" s="31"/>
      <c r="AM60" s="31"/>
      <c r="AN60" s="31"/>
      <c r="AO60" s="31"/>
      <c r="AP60" s="31"/>
      <c r="AQ60" s="31"/>
      <c r="AR60" s="31"/>
      <c r="AS60" s="31"/>
      <c r="AT60" s="31"/>
      <c r="AU60" s="31"/>
      <c r="AV60" s="31"/>
      <c r="AW60" s="31"/>
      <c r="AX60" s="31"/>
      <c r="AY60" s="31"/>
      <c r="AZ60" s="31"/>
      <c r="BA60" s="31"/>
      <c r="BB60" s="31"/>
      <c r="BC60" s="31"/>
      <c r="BD60" s="31"/>
      <c r="BE60" s="31"/>
      <c r="BF60" s="31"/>
      <c r="BG60" s="31"/>
      <c r="BH60" s="31"/>
      <c r="BI60" s="31"/>
      <c r="BJ60" s="31"/>
      <c r="BK60" s="31"/>
      <c r="BL60" s="31"/>
      <c r="BM60" s="74"/>
    </row>
    <row r="61" spans="2:65" s="16" customFormat="1" ht="13.35" customHeight="1">
      <c r="B61" s="17"/>
      <c r="C61" s="31"/>
      <c r="D61" s="31"/>
      <c r="E61" s="75"/>
      <c r="F61" s="32"/>
      <c r="G61" s="32"/>
      <c r="H61" s="33"/>
      <c r="I61" s="99"/>
      <c r="J61" s="31"/>
      <c r="K61" s="31"/>
      <c r="L61" s="31"/>
      <c r="M61" s="31"/>
      <c r="N61" s="31"/>
      <c r="O61" s="31"/>
      <c r="P61" s="31"/>
      <c r="Q61" s="31"/>
      <c r="R61" s="31"/>
      <c r="S61" s="31"/>
      <c r="T61" s="31"/>
      <c r="U61" s="31"/>
      <c r="V61" s="31"/>
      <c r="W61" s="31"/>
      <c r="X61" s="31"/>
      <c r="Y61" s="31"/>
      <c r="Z61" s="31"/>
      <c r="AA61" s="31"/>
      <c r="AB61" s="31"/>
      <c r="AC61" s="31"/>
      <c r="AD61" s="31"/>
      <c r="AE61" s="31"/>
      <c r="AF61" s="31"/>
      <c r="AG61" s="31"/>
      <c r="AH61" s="31"/>
      <c r="AI61" s="31"/>
      <c r="AJ61" s="31"/>
      <c r="AK61" s="31"/>
      <c r="AL61" s="31"/>
      <c r="AM61" s="31"/>
      <c r="AN61" s="31"/>
      <c r="AO61" s="31"/>
      <c r="AP61" s="31"/>
      <c r="AQ61" s="31"/>
      <c r="AR61" s="31"/>
      <c r="AS61" s="31"/>
      <c r="AT61" s="31"/>
      <c r="AU61" s="31"/>
      <c r="AV61" s="31"/>
      <c r="AW61" s="31"/>
      <c r="AX61" s="31"/>
      <c r="AY61" s="31"/>
      <c r="AZ61" s="31"/>
      <c r="BA61" s="31"/>
      <c r="BB61" s="31"/>
      <c r="BC61" s="31"/>
      <c r="BD61" s="31"/>
      <c r="BE61" s="31"/>
      <c r="BF61" s="31"/>
      <c r="BG61" s="31"/>
      <c r="BH61" s="31"/>
      <c r="BI61" s="31"/>
      <c r="BJ61" s="31"/>
      <c r="BK61" s="31"/>
      <c r="BL61" s="31"/>
      <c r="BM61" s="74"/>
    </row>
    <row r="62" spans="2:65" s="16" customFormat="1" ht="13.35" customHeight="1">
      <c r="B62" s="17"/>
      <c r="C62" s="53"/>
      <c r="D62" s="53"/>
      <c r="E62" s="75"/>
      <c r="F62" s="32"/>
      <c r="G62" s="32"/>
      <c r="H62" s="32"/>
      <c r="I62" s="99"/>
      <c r="J62" s="31"/>
      <c r="K62" s="31"/>
      <c r="L62" s="31"/>
      <c r="M62" s="31"/>
      <c r="N62" s="31"/>
      <c r="O62" s="31"/>
      <c r="P62" s="31"/>
      <c r="Q62" s="31"/>
      <c r="R62" s="31"/>
      <c r="S62" s="31"/>
      <c r="T62" s="31"/>
      <c r="U62" s="31"/>
      <c r="V62" s="31"/>
      <c r="W62" s="31"/>
      <c r="X62" s="31"/>
      <c r="Y62" s="31"/>
      <c r="Z62" s="31"/>
      <c r="AA62" s="31"/>
      <c r="AB62" s="31"/>
      <c r="AC62" s="31"/>
      <c r="AD62" s="31"/>
      <c r="AE62" s="31"/>
      <c r="AF62" s="31"/>
      <c r="AG62" s="31"/>
      <c r="AH62" s="31"/>
      <c r="AI62" s="31"/>
      <c r="AJ62" s="31"/>
      <c r="AK62" s="31"/>
      <c r="AL62" s="31"/>
      <c r="AM62" s="31"/>
      <c r="AN62" s="31"/>
      <c r="AO62" s="31"/>
      <c r="AP62" s="31"/>
      <c r="AQ62" s="31"/>
      <c r="AR62" s="31"/>
      <c r="AS62" s="31"/>
      <c r="AT62" s="31"/>
      <c r="AU62" s="31"/>
      <c r="AV62" s="31"/>
      <c r="AW62" s="31"/>
      <c r="AX62" s="31"/>
      <c r="AY62" s="31"/>
      <c r="AZ62" s="31"/>
      <c r="BA62" s="31"/>
      <c r="BB62" s="31"/>
      <c r="BC62" s="31"/>
      <c r="BD62" s="31"/>
      <c r="BE62" s="31"/>
      <c r="BF62" s="31"/>
      <c r="BG62" s="31"/>
      <c r="BH62" s="31"/>
      <c r="BI62" s="31"/>
      <c r="BJ62" s="31"/>
      <c r="BK62" s="31"/>
      <c r="BL62" s="31"/>
      <c r="BM62" s="74"/>
    </row>
    <row r="63" spans="2:65" s="16" customFormat="1" ht="13.35" customHeight="1" thickBot="1">
      <c r="B63" s="54"/>
      <c r="C63" s="93"/>
      <c r="D63" s="93"/>
      <c r="E63" s="94"/>
      <c r="F63" s="95"/>
      <c r="G63" s="95"/>
      <c r="H63" s="95"/>
      <c r="I63" s="104"/>
      <c r="J63" s="57"/>
      <c r="K63" s="57"/>
      <c r="L63" s="57"/>
      <c r="M63" s="57"/>
      <c r="N63" s="57"/>
      <c r="O63" s="57"/>
      <c r="P63" s="57"/>
      <c r="Q63" s="57"/>
      <c r="R63" s="57"/>
      <c r="S63" s="57"/>
      <c r="T63" s="57"/>
      <c r="U63" s="57"/>
      <c r="V63" s="57"/>
      <c r="W63" s="57"/>
      <c r="X63" s="57"/>
      <c r="Y63" s="57"/>
      <c r="Z63" s="57"/>
      <c r="AA63" s="57"/>
      <c r="AB63" s="57"/>
      <c r="AC63" s="57"/>
      <c r="AD63" s="57"/>
      <c r="AE63" s="57"/>
      <c r="AF63" s="57"/>
      <c r="AG63" s="57"/>
      <c r="AH63" s="57"/>
      <c r="AI63" s="57"/>
      <c r="AJ63" s="57"/>
      <c r="AK63" s="57"/>
      <c r="AL63" s="57"/>
      <c r="AM63" s="57"/>
      <c r="AN63" s="57"/>
      <c r="AO63" s="57"/>
      <c r="AP63" s="57"/>
      <c r="AQ63" s="57"/>
      <c r="AR63" s="57"/>
      <c r="AS63" s="57"/>
      <c r="AT63" s="57"/>
      <c r="AU63" s="57"/>
      <c r="AV63" s="57"/>
      <c r="AW63" s="57"/>
      <c r="AX63" s="57"/>
      <c r="AY63" s="57"/>
      <c r="AZ63" s="57"/>
      <c r="BA63" s="57"/>
      <c r="BB63" s="57"/>
      <c r="BC63" s="57"/>
      <c r="BD63" s="57"/>
      <c r="BE63" s="57"/>
      <c r="BF63" s="57"/>
      <c r="BG63" s="57"/>
      <c r="BH63" s="57"/>
      <c r="BI63" s="57"/>
      <c r="BJ63" s="57"/>
      <c r="BK63" s="57"/>
      <c r="BL63" s="57"/>
      <c r="BM63" s="58"/>
    </row>
    <row r="64" spans="2:65" s="16" customFormat="1" ht="13.35" customHeight="1">
      <c r="F64" s="59"/>
      <c r="G64" s="59"/>
      <c r="H64" s="60"/>
      <c r="I64" s="105"/>
      <c r="P64" s="155"/>
      <c r="Q64" s="155"/>
      <c r="R64" s="155"/>
      <c r="S64" s="155"/>
      <c r="T64" s="155"/>
    </row>
    <row r="65" spans="3:9" s="16" customFormat="1" ht="13.35" customHeight="1">
      <c r="C65" s="107" t="s">
        <v>43</v>
      </c>
      <c r="F65" s="59"/>
      <c r="G65" s="59"/>
      <c r="H65" s="60"/>
      <c r="I65" s="105"/>
    </row>
    <row r="66" spans="3:9" s="16" customFormat="1" ht="13.35" customHeight="1">
      <c r="C66" s="16" t="s">
        <v>84</v>
      </c>
      <c r="F66" s="59"/>
      <c r="G66" s="59"/>
      <c r="H66" s="60"/>
      <c r="I66" s="105"/>
    </row>
    <row r="67" spans="3:9" s="16" customFormat="1" ht="13.35" customHeight="1">
      <c r="C67" s="16" t="s">
        <v>85</v>
      </c>
      <c r="F67" s="59"/>
      <c r="G67" s="59"/>
      <c r="H67" s="60"/>
      <c r="I67" s="105"/>
    </row>
    <row r="68" spans="3:9" s="16" customFormat="1" ht="13.35" customHeight="1">
      <c r="C68" s="16" t="s">
        <v>114</v>
      </c>
      <c r="F68" s="59"/>
      <c r="G68" s="59"/>
      <c r="H68" s="60"/>
      <c r="I68" s="105"/>
    </row>
    <row r="69" spans="3:9" s="16" customFormat="1" ht="13.35" customHeight="1">
      <c r="C69" s="16" t="s">
        <v>86</v>
      </c>
      <c r="F69" s="59"/>
      <c r="G69" s="59"/>
      <c r="H69" s="60"/>
      <c r="I69" s="105"/>
    </row>
    <row r="70" spans="3:9" s="16" customFormat="1" ht="13.35" customHeight="1">
      <c r="F70" s="59"/>
      <c r="G70" s="59"/>
      <c r="H70" s="60"/>
      <c r="I70" s="105"/>
    </row>
    <row r="71" spans="3:9" s="16" customFormat="1" ht="13.35" customHeight="1">
      <c r="F71" s="59"/>
      <c r="G71" s="59"/>
      <c r="H71" s="60"/>
      <c r="I71" s="105"/>
    </row>
    <row r="72" spans="3:9" s="16" customFormat="1" ht="20.25" customHeight="1">
      <c r="I72" s="106"/>
    </row>
    <row r="73" spans="3:9" s="16" customFormat="1" ht="20.25" customHeight="1">
      <c r="I73" s="106"/>
    </row>
    <row r="74" spans="3:9" s="16" customFormat="1" ht="20.25" customHeight="1">
      <c r="I74" s="106"/>
    </row>
    <row r="75" spans="3:9" s="16" customFormat="1" ht="20.25" customHeight="1">
      <c r="I75" s="106"/>
    </row>
    <row r="76" spans="3:9" s="16" customFormat="1" ht="20.25" customHeight="1">
      <c r="I76" s="106"/>
    </row>
    <row r="77" spans="3:9" s="16" customFormat="1" ht="20.25" customHeight="1">
      <c r="I77" s="106"/>
    </row>
    <row r="78" spans="3:9" s="16" customFormat="1" ht="20.25" customHeight="1">
      <c r="I78" s="106"/>
    </row>
    <row r="79" spans="3:9" s="16" customFormat="1" ht="20.25" customHeight="1">
      <c r="I79" s="106"/>
    </row>
    <row r="80" spans="3:9" s="16" customFormat="1" ht="20.25" customHeight="1">
      <c r="I80" s="106"/>
    </row>
    <row r="81" spans="9:9" s="16" customFormat="1" ht="20.25" customHeight="1">
      <c r="I81" s="106"/>
    </row>
    <row r="82" spans="9:9" s="16" customFormat="1" ht="20.25" customHeight="1">
      <c r="I82" s="106"/>
    </row>
    <row r="83" spans="9:9" s="16" customFormat="1" ht="20.25" customHeight="1">
      <c r="I83" s="106"/>
    </row>
    <row r="84" spans="9:9" s="16" customFormat="1" ht="20.25" customHeight="1">
      <c r="I84" s="106"/>
    </row>
    <row r="85" spans="9:9" s="16" customFormat="1" ht="10.199999999999999" customHeight="1">
      <c r="I85" s="106"/>
    </row>
    <row r="86" spans="9:9" s="16" customFormat="1" ht="10.199999999999999" customHeight="1">
      <c r="I86" s="106"/>
    </row>
    <row r="87" spans="9:9" s="16" customFormat="1" ht="20.25" customHeight="1">
      <c r="I87" s="106"/>
    </row>
    <row r="88" spans="9:9" s="16" customFormat="1" ht="10.199999999999999" customHeight="1">
      <c r="I88" s="106"/>
    </row>
    <row r="89" spans="9:9" s="16" customFormat="1" ht="10.199999999999999" customHeight="1">
      <c r="I89" s="106"/>
    </row>
    <row r="90" spans="9:9" s="16" customFormat="1" ht="20.25" customHeight="1">
      <c r="I90" s="106"/>
    </row>
    <row r="91" spans="9:9" s="16" customFormat="1" ht="10.199999999999999" customHeight="1">
      <c r="I91" s="106"/>
    </row>
    <row r="92" spans="9:9" s="16" customFormat="1" ht="10.199999999999999" customHeight="1">
      <c r="I92" s="106"/>
    </row>
    <row r="93" spans="9:9" s="16" customFormat="1" ht="20.25" customHeight="1">
      <c r="I93" s="106"/>
    </row>
    <row r="94" spans="9:9" s="16" customFormat="1" ht="10.199999999999999" customHeight="1">
      <c r="I94" s="106"/>
    </row>
    <row r="95" spans="9:9" s="16" customFormat="1" ht="10.199999999999999" customHeight="1">
      <c r="I95" s="106"/>
    </row>
    <row r="96" spans="9:9" s="16" customFormat="1" ht="20.25" customHeight="1">
      <c r="I96" s="106"/>
    </row>
    <row r="97" spans="9:9" s="16" customFormat="1" ht="20.25" customHeight="1">
      <c r="I97" s="106"/>
    </row>
    <row r="98" spans="9:9" s="16" customFormat="1" ht="20.25" customHeight="1">
      <c r="I98" s="106"/>
    </row>
    <row r="99" spans="9:9" s="16" customFormat="1" ht="20.25" customHeight="1">
      <c r="I99" s="106"/>
    </row>
    <row r="100" spans="9:9" s="16" customFormat="1" ht="20.25" customHeight="1">
      <c r="I100" s="106"/>
    </row>
    <row r="101" spans="9:9" s="16" customFormat="1" ht="20.25" customHeight="1">
      <c r="I101" s="106"/>
    </row>
    <row r="102" spans="9:9" s="16" customFormat="1" ht="20.25" customHeight="1">
      <c r="I102" s="106"/>
    </row>
    <row r="103" spans="9:9" s="16" customFormat="1" ht="20.25" customHeight="1">
      <c r="I103" s="106"/>
    </row>
    <row r="104" spans="9:9" s="16" customFormat="1" ht="20.25" customHeight="1">
      <c r="I104" s="106"/>
    </row>
    <row r="105" spans="9:9" s="16" customFormat="1" ht="20.25" customHeight="1">
      <c r="I105" s="106"/>
    </row>
    <row r="106" spans="9:9" s="16" customFormat="1" ht="20.25" customHeight="1">
      <c r="I106" s="106"/>
    </row>
    <row r="107" spans="9:9" s="16" customFormat="1" ht="20.25" customHeight="1">
      <c r="I107" s="106"/>
    </row>
    <row r="108" spans="9:9" s="16" customFormat="1" ht="20.25" customHeight="1">
      <c r="I108" s="106"/>
    </row>
    <row r="109" spans="9:9" s="16" customFormat="1" ht="19.95" customHeight="1">
      <c r="I109" s="106"/>
    </row>
    <row r="110" spans="9:9" s="16" customFormat="1" ht="19.95" customHeight="1">
      <c r="I110" s="106"/>
    </row>
    <row r="111" spans="9:9" s="16" customFormat="1" ht="20.25" customHeight="1">
      <c r="I111" s="106"/>
    </row>
    <row r="112" spans="9:9" s="16" customFormat="1" ht="20.25" customHeight="1">
      <c r="I112" s="106"/>
    </row>
    <row r="113" spans="9:9" s="16" customFormat="1" ht="20.25" customHeight="1">
      <c r="I113" s="106"/>
    </row>
    <row r="114" spans="9:9" s="16" customFormat="1" ht="20.25" customHeight="1">
      <c r="I114" s="106"/>
    </row>
    <row r="115" spans="9:9" s="16" customFormat="1" ht="20.25" customHeight="1">
      <c r="I115" s="106"/>
    </row>
    <row r="116" spans="9:9" s="16" customFormat="1" ht="20.25" customHeight="1">
      <c r="I116" s="106"/>
    </row>
    <row r="117" spans="9:9" s="16" customFormat="1" ht="20.25" customHeight="1">
      <c r="I117" s="106"/>
    </row>
    <row r="118" spans="9:9" s="16" customFormat="1" ht="20.25" customHeight="1">
      <c r="I118" s="106"/>
    </row>
    <row r="119" spans="9:9" s="16" customFormat="1" ht="20.25" customHeight="1">
      <c r="I119" s="106"/>
    </row>
    <row r="120" spans="9:9" s="16" customFormat="1" ht="20.25" customHeight="1">
      <c r="I120" s="106"/>
    </row>
    <row r="121" spans="9:9" s="16" customFormat="1" ht="20.25" customHeight="1">
      <c r="I121" s="106"/>
    </row>
    <row r="122" spans="9:9" s="16" customFormat="1" ht="20.25" customHeight="1">
      <c r="I122" s="106"/>
    </row>
    <row r="123" spans="9:9" s="16" customFormat="1" ht="20.25" customHeight="1">
      <c r="I123" s="106"/>
    </row>
    <row r="124" spans="9:9" s="16" customFormat="1" ht="20.25" customHeight="1">
      <c r="I124" s="106"/>
    </row>
    <row r="125" spans="9:9" s="16" customFormat="1" ht="20.25" customHeight="1">
      <c r="I125" s="106"/>
    </row>
    <row r="126" spans="9:9" s="16" customFormat="1" ht="20.25" customHeight="1">
      <c r="I126" s="106"/>
    </row>
    <row r="127" spans="9:9" s="16" customFormat="1" ht="20.25" customHeight="1">
      <c r="I127" s="106"/>
    </row>
    <row r="128" spans="9:9" s="16" customFormat="1" ht="20.25" customHeight="1">
      <c r="I128" s="106"/>
    </row>
    <row r="129" spans="9:9" s="16" customFormat="1" ht="20.25" customHeight="1">
      <c r="I129" s="106"/>
    </row>
    <row r="130" spans="9:9" s="16" customFormat="1" ht="20.25" customHeight="1">
      <c r="I130" s="106"/>
    </row>
    <row r="131" spans="9:9" s="16" customFormat="1" ht="20.25" customHeight="1">
      <c r="I131" s="106"/>
    </row>
    <row r="132" spans="9:9" s="16" customFormat="1" ht="20.25" customHeight="1">
      <c r="I132" s="106"/>
    </row>
    <row r="133" spans="9:9" s="16" customFormat="1" ht="20.25" customHeight="1">
      <c r="I133" s="106"/>
    </row>
    <row r="134" spans="9:9" s="16" customFormat="1" ht="20.25" customHeight="1">
      <c r="I134" s="106"/>
    </row>
    <row r="135" spans="9:9" s="16" customFormat="1" ht="20.25" customHeight="1">
      <c r="I135" s="106"/>
    </row>
    <row r="136" spans="9:9" s="16" customFormat="1" ht="20.25" customHeight="1">
      <c r="I136" s="106"/>
    </row>
    <row r="137" spans="9:9" s="16" customFormat="1" ht="20.25" customHeight="1">
      <c r="I137" s="106"/>
    </row>
    <row r="138" spans="9:9" s="16" customFormat="1" ht="20.25" customHeight="1">
      <c r="I138" s="106"/>
    </row>
    <row r="139" spans="9:9" s="16" customFormat="1" ht="20.25" customHeight="1">
      <c r="I139" s="106"/>
    </row>
    <row r="140" spans="9:9" s="16" customFormat="1" ht="20.25" customHeight="1">
      <c r="I140" s="106"/>
    </row>
    <row r="141" spans="9:9" s="16" customFormat="1" ht="20.25" customHeight="1">
      <c r="I141" s="106"/>
    </row>
    <row r="142" spans="9:9" s="16" customFormat="1" ht="20.25" customHeight="1">
      <c r="I142" s="106"/>
    </row>
    <row r="143" spans="9:9" s="16" customFormat="1" ht="20.25" customHeight="1">
      <c r="I143" s="106"/>
    </row>
    <row r="144" spans="9:9" s="16" customFormat="1" ht="20.25" customHeight="1">
      <c r="I144" s="106"/>
    </row>
    <row r="145" spans="9:9" s="16" customFormat="1" ht="20.25" customHeight="1">
      <c r="I145" s="106"/>
    </row>
    <row r="146" spans="9:9" s="16" customFormat="1" ht="20.25" customHeight="1">
      <c r="I146" s="106"/>
    </row>
    <row r="147" spans="9:9" s="16" customFormat="1" ht="20.25" customHeight="1">
      <c r="I147" s="106"/>
    </row>
    <row r="148" spans="9:9" s="16" customFormat="1" ht="20.25" customHeight="1">
      <c r="I148" s="106"/>
    </row>
    <row r="149" spans="9:9" s="16" customFormat="1" ht="20.25" customHeight="1">
      <c r="I149" s="106"/>
    </row>
    <row r="150" spans="9:9" s="16" customFormat="1" ht="20.25" customHeight="1">
      <c r="I150" s="106"/>
    </row>
    <row r="151" spans="9:9" s="16" customFormat="1" ht="20.25" customHeight="1">
      <c r="I151" s="106"/>
    </row>
    <row r="152" spans="9:9" s="16" customFormat="1" ht="20.25" customHeight="1">
      <c r="I152" s="106"/>
    </row>
    <row r="153" spans="9:9" s="16" customFormat="1" ht="20.25" customHeight="1">
      <c r="I153" s="106"/>
    </row>
    <row r="154" spans="9:9" s="16" customFormat="1" ht="20.25" customHeight="1">
      <c r="I154" s="106"/>
    </row>
    <row r="155" spans="9:9" s="16" customFormat="1" ht="20.25" customHeight="1">
      <c r="I155" s="106"/>
    </row>
    <row r="156" spans="9:9" s="16" customFormat="1" ht="20.25" customHeight="1">
      <c r="I156" s="106"/>
    </row>
    <row r="157" spans="9:9" s="16" customFormat="1" ht="20.25" customHeight="1">
      <c r="I157" s="106"/>
    </row>
    <row r="158" spans="9:9" s="16" customFormat="1" ht="20.25" customHeight="1">
      <c r="I158" s="106"/>
    </row>
    <row r="159" spans="9:9" s="16" customFormat="1" ht="20.25" customHeight="1">
      <c r="I159" s="106"/>
    </row>
    <row r="160" spans="9:9" s="16" customFormat="1" ht="20.25" customHeight="1">
      <c r="I160" s="106"/>
    </row>
    <row r="161" spans="9:9" s="16" customFormat="1" ht="20.25" customHeight="1">
      <c r="I161" s="106"/>
    </row>
    <row r="162" spans="9:9" s="16" customFormat="1" ht="20.25" customHeight="1">
      <c r="I162" s="106"/>
    </row>
    <row r="163" spans="9:9" s="16" customFormat="1" ht="20.25" customHeight="1">
      <c r="I163" s="106"/>
    </row>
    <row r="164" spans="9:9" s="16" customFormat="1" ht="20.25" customHeight="1">
      <c r="I164" s="106"/>
    </row>
    <row r="165" spans="9:9" s="16" customFormat="1" ht="20.25" customHeight="1">
      <c r="I165" s="106"/>
    </row>
    <row r="166" spans="9:9" s="16" customFormat="1" ht="20.25" customHeight="1">
      <c r="I166" s="106"/>
    </row>
    <row r="167" spans="9:9" s="16" customFormat="1" ht="20.25" customHeight="1">
      <c r="I167" s="106"/>
    </row>
    <row r="168" spans="9:9" s="16" customFormat="1" ht="20.25" customHeight="1">
      <c r="I168" s="106"/>
    </row>
    <row r="169" spans="9:9" s="16" customFormat="1" ht="20.25" customHeight="1">
      <c r="I169" s="106"/>
    </row>
    <row r="170" spans="9:9" s="16" customFormat="1" ht="20.25" customHeight="1">
      <c r="I170" s="106"/>
    </row>
    <row r="171" spans="9:9" s="16" customFormat="1" ht="20.25" customHeight="1">
      <c r="I171" s="106"/>
    </row>
    <row r="172" spans="9:9" s="16" customFormat="1" ht="20.25" customHeight="1">
      <c r="I172" s="106"/>
    </row>
    <row r="173" spans="9:9" s="16" customFormat="1" ht="20.25" customHeight="1">
      <c r="I173" s="106"/>
    </row>
    <row r="174" spans="9:9" s="16" customFormat="1" ht="20.25" customHeight="1">
      <c r="I174" s="106"/>
    </row>
    <row r="175" spans="9:9" s="16" customFormat="1" ht="20.25" customHeight="1">
      <c r="I175" s="106"/>
    </row>
    <row r="176" spans="9:9" s="16" customFormat="1" ht="20.25" customHeight="1">
      <c r="I176" s="106"/>
    </row>
    <row r="177" spans="9:9" s="16" customFormat="1" ht="20.25" customHeight="1">
      <c r="I177" s="106"/>
    </row>
    <row r="178" spans="9:9" s="16" customFormat="1" ht="20.25" customHeight="1">
      <c r="I178" s="106"/>
    </row>
    <row r="179" spans="9:9" s="16" customFormat="1" ht="20.25" customHeight="1">
      <c r="I179" s="106"/>
    </row>
    <row r="180" spans="9:9" s="16" customFormat="1" ht="20.25" customHeight="1">
      <c r="I180" s="106"/>
    </row>
    <row r="181" spans="9:9" s="16" customFormat="1" ht="20.25" customHeight="1">
      <c r="I181" s="106"/>
    </row>
    <row r="182" spans="9:9" s="16" customFormat="1" ht="20.25" customHeight="1">
      <c r="I182" s="106"/>
    </row>
    <row r="183" spans="9:9" s="16" customFormat="1" ht="20.25" customHeight="1">
      <c r="I183" s="106"/>
    </row>
    <row r="184" spans="9:9" s="16" customFormat="1" ht="20.25" customHeight="1">
      <c r="I184" s="106"/>
    </row>
    <row r="185" spans="9:9" s="16" customFormat="1" ht="20.25" customHeight="1">
      <c r="I185" s="106"/>
    </row>
    <row r="186" spans="9:9" s="16" customFormat="1" ht="20.25" customHeight="1">
      <c r="I186" s="106"/>
    </row>
    <row r="187" spans="9:9" s="16" customFormat="1" ht="20.25" customHeight="1">
      <c r="I187" s="106"/>
    </row>
    <row r="188" spans="9:9" s="16" customFormat="1" ht="20.25" customHeight="1">
      <c r="I188" s="106"/>
    </row>
    <row r="189" spans="9:9" s="16" customFormat="1" ht="20.25" customHeight="1">
      <c r="I189" s="106"/>
    </row>
    <row r="190" spans="9:9" s="16" customFormat="1" ht="20.25" customHeight="1">
      <c r="I190" s="106"/>
    </row>
    <row r="191" spans="9:9" s="16" customFormat="1" ht="20.25" customHeight="1">
      <c r="I191" s="106"/>
    </row>
    <row r="192" spans="9:9" s="16" customFormat="1" ht="20.25" customHeight="1">
      <c r="I192" s="106"/>
    </row>
    <row r="193" spans="9:9" s="16" customFormat="1" ht="20.25" customHeight="1">
      <c r="I193" s="106"/>
    </row>
    <row r="194" spans="9:9" s="16" customFormat="1" ht="20.25" customHeight="1">
      <c r="I194" s="106"/>
    </row>
    <row r="195" spans="9:9" s="16" customFormat="1" ht="20.25" customHeight="1">
      <c r="I195" s="106"/>
    </row>
    <row r="196" spans="9:9" s="16" customFormat="1" ht="20.25" customHeight="1">
      <c r="I196" s="106"/>
    </row>
    <row r="197" spans="9:9" s="16" customFormat="1" ht="19.95" customHeight="1">
      <c r="I197" s="106"/>
    </row>
    <row r="198" spans="9:9" s="16" customFormat="1" ht="19.95" customHeight="1">
      <c r="I198" s="106"/>
    </row>
    <row r="199" spans="9:9" s="16" customFormat="1" ht="20.25" customHeight="1">
      <c r="I199" s="106"/>
    </row>
    <row r="200" spans="9:9" s="16" customFormat="1" ht="20.25" customHeight="1">
      <c r="I200" s="106"/>
    </row>
    <row r="201" spans="9:9" s="16" customFormat="1" ht="20.25" customHeight="1">
      <c r="I201" s="106"/>
    </row>
    <row r="202" spans="9:9" s="16" customFormat="1" ht="20.25" customHeight="1">
      <c r="I202" s="106"/>
    </row>
    <row r="203" spans="9:9" s="16" customFormat="1" ht="20.25" customHeight="1">
      <c r="I203" s="106"/>
    </row>
    <row r="204" spans="9:9" s="16" customFormat="1" ht="20.25" customHeight="1">
      <c r="I204" s="106"/>
    </row>
    <row r="205" spans="9:9" s="16" customFormat="1" ht="20.25" customHeight="1">
      <c r="I205" s="106"/>
    </row>
    <row r="206" spans="9:9" s="16" customFormat="1" ht="20.25" customHeight="1">
      <c r="I206" s="106"/>
    </row>
    <row r="207" spans="9:9" s="16" customFormat="1" ht="20.25" customHeight="1">
      <c r="I207" s="106"/>
    </row>
    <row r="208" spans="9:9" s="16" customFormat="1" ht="20.25" customHeight="1">
      <c r="I208" s="106"/>
    </row>
    <row r="209" spans="9:9" s="16" customFormat="1" ht="20.25" customHeight="1">
      <c r="I209" s="106"/>
    </row>
    <row r="210" spans="9:9" s="16" customFormat="1" ht="20.25" customHeight="1">
      <c r="I210" s="106"/>
    </row>
    <row r="211" spans="9:9" s="16" customFormat="1" ht="19.95" customHeight="1">
      <c r="I211" s="106"/>
    </row>
    <row r="212" spans="9:9" s="16" customFormat="1" ht="19.95" customHeight="1">
      <c r="I212" s="106"/>
    </row>
    <row r="213" spans="9:9" s="16" customFormat="1" ht="20.25" customHeight="1">
      <c r="I213" s="106"/>
    </row>
    <row r="214" spans="9:9" s="16" customFormat="1" ht="20.25" customHeight="1">
      <c r="I214" s="106"/>
    </row>
    <row r="215" spans="9:9" s="16" customFormat="1" ht="20.25" customHeight="1">
      <c r="I215" s="106"/>
    </row>
    <row r="216" spans="9:9" s="16" customFormat="1" ht="20.25" customHeight="1">
      <c r="I216" s="106"/>
    </row>
    <row r="217" spans="9:9" s="16" customFormat="1" ht="20.25" customHeight="1">
      <c r="I217" s="106"/>
    </row>
    <row r="218" spans="9:9" s="16" customFormat="1" ht="20.25" customHeight="1">
      <c r="I218" s="106"/>
    </row>
    <row r="219" spans="9:9" s="16" customFormat="1" ht="20.25" customHeight="1">
      <c r="I219" s="106"/>
    </row>
    <row r="220" spans="9:9" s="16" customFormat="1" ht="20.25" customHeight="1">
      <c r="I220" s="106"/>
    </row>
    <row r="221" spans="9:9" s="16" customFormat="1" ht="20.25" customHeight="1">
      <c r="I221" s="106"/>
    </row>
    <row r="222" spans="9:9" s="16" customFormat="1" ht="20.25" customHeight="1">
      <c r="I222" s="106"/>
    </row>
    <row r="223" spans="9:9" s="16" customFormat="1" ht="20.25" customHeight="1">
      <c r="I223" s="106"/>
    </row>
    <row r="224" spans="9:9" s="16" customFormat="1" ht="20.25" customHeight="1">
      <c r="I224" s="106"/>
    </row>
    <row r="225" spans="9:9" s="16" customFormat="1" ht="20.25" customHeight="1">
      <c r="I225" s="106"/>
    </row>
    <row r="226" spans="9:9" s="16" customFormat="1" ht="20.25" customHeight="1">
      <c r="I226" s="106"/>
    </row>
    <row r="227" spans="9:9" s="16" customFormat="1" ht="20.25" customHeight="1">
      <c r="I227" s="106"/>
    </row>
    <row r="228" spans="9:9" s="16" customFormat="1" ht="20.25" customHeight="1">
      <c r="I228" s="106"/>
    </row>
    <row r="229" spans="9:9" s="16" customFormat="1" ht="20.25" customHeight="1">
      <c r="I229" s="106"/>
    </row>
    <row r="230" spans="9:9" s="16" customFormat="1" ht="20.25" customHeight="1">
      <c r="I230" s="106"/>
    </row>
    <row r="231" spans="9:9" s="16" customFormat="1" ht="20.25" customHeight="1">
      <c r="I231" s="106"/>
    </row>
    <row r="232" spans="9:9" s="16" customFormat="1" ht="20.25" customHeight="1">
      <c r="I232" s="106"/>
    </row>
    <row r="233" spans="9:9" s="16" customFormat="1" ht="20.25" customHeight="1">
      <c r="I233" s="106"/>
    </row>
    <row r="234" spans="9:9" s="16" customFormat="1" ht="20.25" customHeight="1">
      <c r="I234" s="106"/>
    </row>
    <row r="235" spans="9:9" s="16" customFormat="1" ht="20.25" customHeight="1">
      <c r="I235" s="106"/>
    </row>
    <row r="236" spans="9:9" s="16" customFormat="1" ht="20.25" customHeight="1">
      <c r="I236" s="106"/>
    </row>
    <row r="237" spans="9:9" s="16" customFormat="1" ht="10.199999999999999" customHeight="1">
      <c r="I237" s="106"/>
    </row>
    <row r="238" spans="9:9" s="16" customFormat="1" ht="10.199999999999999" customHeight="1">
      <c r="I238" s="106"/>
    </row>
    <row r="239" spans="9:9" s="16" customFormat="1" ht="20.25" customHeight="1">
      <c r="I239" s="106"/>
    </row>
    <row r="240" spans="9:9" s="16" customFormat="1" ht="20.25" customHeight="1">
      <c r="I240" s="106"/>
    </row>
    <row r="241" spans="9:9" s="16" customFormat="1" ht="20.25" customHeight="1">
      <c r="I241" s="106"/>
    </row>
    <row r="242" spans="9:9" s="16" customFormat="1" ht="20.25" customHeight="1">
      <c r="I242" s="106"/>
    </row>
    <row r="243" spans="9:9" s="16" customFormat="1" ht="20.25" customHeight="1">
      <c r="I243" s="106"/>
    </row>
    <row r="244" spans="9:9" s="16" customFormat="1" ht="20.25" customHeight="1">
      <c r="I244" s="106"/>
    </row>
    <row r="245" spans="9:9" s="16" customFormat="1" ht="20.25" customHeight="1">
      <c r="I245" s="106"/>
    </row>
    <row r="246" spans="9:9" s="16" customFormat="1" ht="20.25" customHeight="1">
      <c r="I246" s="106"/>
    </row>
    <row r="247" spans="9:9" s="16" customFormat="1" ht="20.25" customHeight="1">
      <c r="I247" s="106"/>
    </row>
    <row r="248" spans="9:9" s="16" customFormat="1" ht="12.75" customHeight="1">
      <c r="I248" s="106"/>
    </row>
    <row r="249" spans="9:9" s="16" customFormat="1" ht="20.25" customHeight="1">
      <c r="I249" s="106"/>
    </row>
    <row r="250" spans="9:9" s="16" customFormat="1" ht="20.25" customHeight="1">
      <c r="I250" s="106"/>
    </row>
    <row r="251" spans="9:9" s="16" customFormat="1" ht="10.199999999999999" customHeight="1">
      <c r="I251" s="106"/>
    </row>
    <row r="252" spans="9:9" s="16" customFormat="1" ht="10.199999999999999" customHeight="1">
      <c r="I252" s="106"/>
    </row>
    <row r="253" spans="9:9" s="16" customFormat="1" ht="20.25" customHeight="1">
      <c r="I253" s="106"/>
    </row>
    <row r="254" spans="9:9" s="16" customFormat="1" ht="20.25" customHeight="1">
      <c r="I254" s="106"/>
    </row>
    <row r="255" spans="9:9" s="16" customFormat="1" ht="20.25" customHeight="1">
      <c r="I255" s="106"/>
    </row>
    <row r="256" spans="9:9" s="16" customFormat="1" ht="20.25" customHeight="1">
      <c r="I256" s="106"/>
    </row>
    <row r="257" spans="9:9" s="16" customFormat="1" ht="20.25" customHeight="1">
      <c r="I257" s="106"/>
    </row>
    <row r="258" spans="9:9" s="16" customFormat="1" ht="20.25" customHeight="1">
      <c r="I258" s="106"/>
    </row>
    <row r="259" spans="9:9" s="16" customFormat="1" ht="20.25" customHeight="1">
      <c r="I259" s="106"/>
    </row>
    <row r="260" spans="9:9" s="16" customFormat="1" ht="20.25" customHeight="1">
      <c r="I260" s="106"/>
    </row>
    <row r="261" spans="9:9" s="16" customFormat="1" ht="12" customHeight="1">
      <c r="I261" s="106"/>
    </row>
    <row r="262" spans="9:9" s="16" customFormat="1" ht="10.199999999999999" customHeight="1">
      <c r="I262" s="106"/>
    </row>
    <row r="263" spans="9:9" s="16" customFormat="1" ht="10.199999999999999" customHeight="1">
      <c r="I263" s="106"/>
    </row>
    <row r="264" spans="9:9" s="16" customFormat="1" ht="20.25" customHeight="1">
      <c r="I264" s="106"/>
    </row>
    <row r="265" spans="9:9" s="16" customFormat="1" ht="10.199999999999999" customHeight="1">
      <c r="I265" s="106"/>
    </row>
    <row r="266" spans="9:9" s="16" customFormat="1" ht="10.199999999999999" customHeight="1">
      <c r="I266" s="106"/>
    </row>
    <row r="267" spans="9:9" s="16" customFormat="1" ht="20.25" customHeight="1">
      <c r="I267" s="106"/>
    </row>
    <row r="268" spans="9:9" s="16" customFormat="1" ht="10.199999999999999" customHeight="1">
      <c r="I268" s="106"/>
    </row>
    <row r="269" spans="9:9" s="16" customFormat="1" ht="10.199999999999999" customHeight="1">
      <c r="I269" s="106"/>
    </row>
    <row r="270" spans="9:9" s="16" customFormat="1" ht="20.25" customHeight="1">
      <c r="I270" s="106"/>
    </row>
    <row r="271" spans="9:9" s="16" customFormat="1" ht="10.199999999999999" customHeight="1">
      <c r="I271" s="106"/>
    </row>
    <row r="272" spans="9:9" s="16" customFormat="1" ht="10.199999999999999" customHeight="1">
      <c r="I272" s="106"/>
    </row>
    <row r="273" spans="9:9" s="16" customFormat="1" ht="20.25" customHeight="1">
      <c r="I273" s="106"/>
    </row>
    <row r="274" spans="9:9" s="16" customFormat="1" ht="10.199999999999999" customHeight="1">
      <c r="I274" s="106"/>
    </row>
    <row r="275" spans="9:9" s="16" customFormat="1" ht="10.199999999999999" customHeight="1">
      <c r="I275" s="106"/>
    </row>
    <row r="276" spans="9:9" s="16" customFormat="1" ht="20.25" customHeight="1">
      <c r="I276" s="106"/>
    </row>
    <row r="277" spans="9:9" s="16" customFormat="1" ht="20.25" customHeight="1">
      <c r="I277" s="106"/>
    </row>
    <row r="278" spans="9:9" s="16" customFormat="1" ht="10.199999999999999" customHeight="1">
      <c r="I278" s="106"/>
    </row>
    <row r="279" spans="9:9" s="16" customFormat="1" ht="10.199999999999999" customHeight="1">
      <c r="I279" s="106"/>
    </row>
    <row r="280" spans="9:9" s="16" customFormat="1" ht="20.25" customHeight="1">
      <c r="I280" s="106"/>
    </row>
    <row r="281" spans="9:9" s="16" customFormat="1" ht="10.199999999999999" customHeight="1">
      <c r="I281" s="106"/>
    </row>
    <row r="282" spans="9:9" s="16" customFormat="1" ht="10.199999999999999" customHeight="1">
      <c r="I282" s="106"/>
    </row>
    <row r="283" spans="9:9" s="16" customFormat="1" ht="20.25" customHeight="1">
      <c r="I283" s="106"/>
    </row>
    <row r="284" spans="9:9" s="16" customFormat="1" ht="10.199999999999999" customHeight="1">
      <c r="I284" s="106"/>
    </row>
    <row r="285" spans="9:9" s="16" customFormat="1" ht="10.199999999999999" customHeight="1">
      <c r="I285" s="106"/>
    </row>
    <row r="286" spans="9:9" s="16" customFormat="1" ht="20.25" customHeight="1">
      <c r="I286" s="106"/>
    </row>
    <row r="287" spans="9:9" s="16" customFormat="1" ht="20.25" customHeight="1">
      <c r="I287" s="106"/>
    </row>
    <row r="288" spans="9:9" s="16" customFormat="1" ht="20.25" customHeight="1">
      <c r="I288" s="106"/>
    </row>
    <row r="289" spans="9:9" s="16" customFormat="1" ht="20.25" customHeight="1">
      <c r="I289" s="106"/>
    </row>
    <row r="290" spans="9:9" s="16" customFormat="1" ht="20.25" customHeight="1">
      <c r="I290" s="106"/>
    </row>
    <row r="291" spans="9:9" s="16" customFormat="1" ht="20.25" customHeight="1">
      <c r="I291" s="106"/>
    </row>
    <row r="292" spans="9:9" s="16" customFormat="1" ht="20.25" customHeight="1">
      <c r="I292" s="106"/>
    </row>
    <row r="293" spans="9:9" s="16" customFormat="1" ht="20.25" customHeight="1">
      <c r="I293" s="106"/>
    </row>
    <row r="294" spans="9:9" s="16" customFormat="1" ht="20.25" customHeight="1">
      <c r="I294" s="106"/>
    </row>
    <row r="295" spans="9:9" s="16" customFormat="1" ht="20.25" customHeight="1">
      <c r="I295" s="106"/>
    </row>
    <row r="296" spans="9:9" s="16" customFormat="1" ht="20.25" customHeight="1">
      <c r="I296" s="106"/>
    </row>
    <row r="297" spans="9:9" s="16" customFormat="1" ht="10.199999999999999" customHeight="1">
      <c r="I297" s="106"/>
    </row>
    <row r="298" spans="9:9" s="16" customFormat="1" ht="10.199999999999999" customHeight="1">
      <c r="I298" s="106"/>
    </row>
    <row r="299" spans="9:9" s="16" customFormat="1" ht="20.25" customHeight="1">
      <c r="I299" s="106"/>
    </row>
    <row r="300" spans="9:9" s="16" customFormat="1" ht="20.25" customHeight="1">
      <c r="I300" s="106"/>
    </row>
    <row r="301" spans="9:9" s="16" customFormat="1" ht="20.25" customHeight="1">
      <c r="I301" s="106"/>
    </row>
    <row r="302" spans="9:9" s="16" customFormat="1" ht="10.199999999999999" customHeight="1">
      <c r="I302" s="106"/>
    </row>
    <row r="303" spans="9:9" s="16" customFormat="1" ht="10.199999999999999" customHeight="1">
      <c r="I303" s="106"/>
    </row>
    <row r="304" spans="9:9" s="16" customFormat="1" ht="20.25" customHeight="1">
      <c r="I304" s="106"/>
    </row>
    <row r="305" spans="9:9" s="16" customFormat="1" ht="10.199999999999999" customHeight="1">
      <c r="I305" s="106"/>
    </row>
    <row r="306" spans="9:9" s="16" customFormat="1" ht="10.199999999999999" customHeight="1">
      <c r="I306" s="106"/>
    </row>
    <row r="307" spans="9:9" s="16" customFormat="1" ht="20.25" customHeight="1">
      <c r="I307" s="106"/>
    </row>
    <row r="308" spans="9:9" s="16" customFormat="1" ht="10.199999999999999" customHeight="1">
      <c r="I308" s="106"/>
    </row>
    <row r="309" spans="9:9" s="16" customFormat="1" ht="10.199999999999999" customHeight="1">
      <c r="I309" s="106"/>
    </row>
    <row r="310" spans="9:9" s="16" customFormat="1" ht="20.25" customHeight="1">
      <c r="I310" s="106"/>
    </row>
    <row r="311" spans="9:9" s="16" customFormat="1" ht="10.199999999999999" customHeight="1">
      <c r="I311" s="106"/>
    </row>
    <row r="312" spans="9:9" s="16" customFormat="1" ht="10.199999999999999" customHeight="1">
      <c r="I312" s="106"/>
    </row>
    <row r="313" spans="9:9" s="16" customFormat="1" ht="12" customHeight="1">
      <c r="I313" s="106"/>
    </row>
    <row r="314" spans="9:9" s="16" customFormat="1" ht="20.25" customHeight="1">
      <c r="I314" s="106"/>
    </row>
    <row r="315" spans="9:9" s="16" customFormat="1" ht="20.25" customHeight="1">
      <c r="I315" s="106"/>
    </row>
    <row r="316" spans="9:9" s="16" customFormat="1" ht="10.199999999999999" customHeight="1">
      <c r="I316" s="106"/>
    </row>
    <row r="317" spans="9:9" s="16" customFormat="1" ht="10.199999999999999" customHeight="1">
      <c r="I317" s="106"/>
    </row>
    <row r="318" spans="9:9" s="16" customFormat="1" ht="10.199999999999999" customHeight="1">
      <c r="I318" s="106"/>
    </row>
    <row r="319" spans="9:9" s="16" customFormat="1" ht="20.25" customHeight="1">
      <c r="I319" s="106"/>
    </row>
    <row r="320" spans="9:9" s="16" customFormat="1" ht="20.25" customHeight="1">
      <c r="I320" s="106"/>
    </row>
    <row r="321" spans="9:9" s="16" customFormat="1" ht="20.25" customHeight="1">
      <c r="I321" s="106"/>
    </row>
    <row r="322" spans="9:9" s="16" customFormat="1" ht="20.25" customHeight="1">
      <c r="I322" s="106"/>
    </row>
    <row r="323" spans="9:9" s="16" customFormat="1" ht="20.25" customHeight="1">
      <c r="I323" s="106"/>
    </row>
    <row r="324" spans="9:9" s="16" customFormat="1" ht="12" customHeight="1">
      <c r="I324" s="106"/>
    </row>
    <row r="325" spans="9:9" s="16" customFormat="1" ht="20.25" customHeight="1">
      <c r="I325" s="106"/>
    </row>
    <row r="326" spans="9:9" s="16" customFormat="1" ht="20.25" customHeight="1">
      <c r="I326" s="106"/>
    </row>
    <row r="327" spans="9:9" s="16" customFormat="1" ht="20.25" customHeight="1">
      <c r="I327" s="106"/>
    </row>
    <row r="328" spans="9:9" s="16" customFormat="1" ht="20.25" customHeight="1">
      <c r="I328" s="106"/>
    </row>
    <row r="329" spans="9:9" s="16" customFormat="1" ht="20.25" customHeight="1">
      <c r="I329" s="106"/>
    </row>
    <row r="330" spans="9:9" s="16" customFormat="1" ht="20.25" customHeight="1">
      <c r="I330" s="106"/>
    </row>
    <row r="331" spans="9:9" s="16" customFormat="1" ht="20.25" customHeight="1">
      <c r="I331" s="106"/>
    </row>
    <row r="332" spans="9:9" s="16" customFormat="1" ht="20.25" customHeight="1">
      <c r="I332" s="106"/>
    </row>
    <row r="333" spans="9:9" s="16" customFormat="1" ht="20.25" customHeight="1">
      <c r="I333" s="106"/>
    </row>
    <row r="334" spans="9:9" s="16" customFormat="1" ht="20.25" customHeight="1">
      <c r="I334" s="106"/>
    </row>
    <row r="335" spans="9:9" s="16" customFormat="1" ht="20.25" customHeight="1">
      <c r="I335" s="106"/>
    </row>
  </sheetData>
  <mergeCells count="23">
    <mergeCell ref="C9:D9"/>
    <mergeCell ref="G6:G7"/>
    <mergeCell ref="H6:H7"/>
    <mergeCell ref="B6:D7"/>
    <mergeCell ref="F6:F7"/>
    <mergeCell ref="E6:E7"/>
    <mergeCell ref="I6:I7"/>
    <mergeCell ref="J6:M6"/>
    <mergeCell ref="BB6:BE6"/>
    <mergeCell ref="BH1:BL1"/>
    <mergeCell ref="BJ6:BM6"/>
    <mergeCell ref="BF6:BI6"/>
    <mergeCell ref="AX6:BA6"/>
    <mergeCell ref="AL6:AO6"/>
    <mergeCell ref="AH6:AK6"/>
    <mergeCell ref="P64:T64"/>
    <mergeCell ref="AP6:AS6"/>
    <mergeCell ref="AT6:AW6"/>
    <mergeCell ref="N6:Q6"/>
    <mergeCell ref="R6:U6"/>
    <mergeCell ref="V6:Y6"/>
    <mergeCell ref="Z6:AC6"/>
    <mergeCell ref="AD6:AG6"/>
  </mergeCells>
  <phoneticPr fontId="3"/>
  <printOptions horizontalCentered="1"/>
  <pageMargins left="0.59055118110236227" right="0.59055118110236227" top="0.78740157480314965" bottom="0.59055118110236227" header="0.51181102362204722" footer="0.51181102362204722"/>
  <pageSetup paperSize="8" scale="80" fitToHeight="10" orientation="landscape" r:id="rId1"/>
  <headerFooter alignWithMargins="0"/>
  <rowBreaks count="5" manualBreakCount="5">
    <brk id="95" max="16383" man="1"/>
    <brk id="140" max="16383" man="1"/>
    <brk id="180" max="16383" man="1"/>
    <brk id="247" max="16383" man="1"/>
    <brk id="312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J124"/>
  <sheetViews>
    <sheetView workbookViewId="0">
      <selection activeCell="L38" sqref="L38"/>
    </sheetView>
  </sheetViews>
  <sheetFormatPr defaultRowHeight="13.2"/>
  <cols>
    <col min="1" max="3" width="5.6640625" customWidth="1"/>
    <col min="4" max="4" width="10.6640625" customWidth="1"/>
    <col min="5" max="6" width="5.6640625" customWidth="1"/>
    <col min="7" max="11" width="10.6640625" customWidth="1"/>
  </cols>
  <sheetData>
    <row r="1" spans="1:10" ht="20.100000000000001" customHeight="1"/>
    <row r="2" spans="1:10" ht="20.100000000000001" customHeight="1">
      <c r="A2" s="122" t="s">
        <v>87</v>
      </c>
      <c r="B2" s="123"/>
      <c r="C2" s="123"/>
      <c r="D2" s="123"/>
      <c r="E2" s="123"/>
      <c r="F2" s="123"/>
      <c r="G2" s="123"/>
      <c r="H2" s="123"/>
      <c r="I2" s="123"/>
      <c r="J2" s="123"/>
    </row>
    <row r="3" spans="1:10" ht="20.100000000000001" customHeight="1">
      <c r="A3" s="122"/>
      <c r="B3" s="123"/>
      <c r="C3" s="123"/>
      <c r="D3" s="123"/>
      <c r="E3" s="123"/>
      <c r="F3" s="123"/>
      <c r="G3" s="123"/>
      <c r="H3" s="123"/>
      <c r="I3" s="123"/>
      <c r="J3" s="123"/>
    </row>
    <row r="4" spans="1:10" ht="20.100000000000001" customHeight="1">
      <c r="A4" s="123"/>
      <c r="B4" s="129" t="s">
        <v>88</v>
      </c>
      <c r="C4" s="123"/>
      <c r="D4" s="123"/>
      <c r="E4" s="123"/>
      <c r="F4" s="123"/>
      <c r="G4" s="123"/>
      <c r="H4" s="123"/>
      <c r="I4" s="123"/>
      <c r="J4" s="123"/>
    </row>
    <row r="5" spans="1:10" ht="20.100000000000001" customHeight="1">
      <c r="A5" s="123"/>
      <c r="B5" s="123"/>
      <c r="C5" s="123"/>
      <c r="D5" s="123"/>
      <c r="E5" s="123"/>
      <c r="F5" s="123"/>
      <c r="G5" s="124"/>
      <c r="H5" s="123"/>
      <c r="I5" s="123"/>
      <c r="J5" s="123"/>
    </row>
    <row r="6" spans="1:10" ht="20.100000000000001" customHeight="1">
      <c r="A6" s="123"/>
      <c r="B6" s="123"/>
      <c r="C6" s="114" t="s">
        <v>46</v>
      </c>
      <c r="D6" s="125"/>
      <c r="E6" s="125"/>
      <c r="F6" s="125"/>
      <c r="G6" s="123"/>
      <c r="H6" s="119"/>
      <c r="I6" s="123"/>
      <c r="J6" s="123"/>
    </row>
    <row r="7" spans="1:10" ht="20.100000000000001" customHeight="1">
      <c r="A7" s="123"/>
      <c r="B7" s="123"/>
      <c r="C7" s="119"/>
      <c r="D7" s="123" t="s">
        <v>1</v>
      </c>
      <c r="E7" s="123"/>
      <c r="F7" s="123"/>
      <c r="G7" s="123"/>
      <c r="H7" s="119"/>
      <c r="I7" s="123"/>
      <c r="J7" s="123"/>
    </row>
    <row r="8" spans="1:10" ht="20.100000000000001" customHeight="1">
      <c r="A8" s="123"/>
      <c r="B8" s="123"/>
      <c r="C8" s="119"/>
      <c r="D8" s="123" t="s">
        <v>3</v>
      </c>
      <c r="E8" s="123"/>
      <c r="F8" s="123"/>
      <c r="G8" s="123"/>
      <c r="H8" s="119"/>
      <c r="I8" s="123"/>
      <c r="J8" s="123"/>
    </row>
    <row r="9" spans="1:10" ht="20.100000000000001" customHeight="1">
      <c r="A9" s="123"/>
      <c r="B9" s="123"/>
      <c r="C9" s="109"/>
      <c r="D9" s="124" t="s">
        <v>70</v>
      </c>
      <c r="E9" s="124"/>
      <c r="F9" s="124"/>
      <c r="G9" s="110"/>
      <c r="H9" s="119"/>
      <c r="I9" s="123"/>
      <c r="J9" s="123"/>
    </row>
    <row r="10" spans="1:10" ht="20.100000000000001" customHeight="1">
      <c r="A10" s="123"/>
      <c r="B10" s="123"/>
      <c r="C10" s="123"/>
      <c r="D10" s="119"/>
      <c r="E10" s="123"/>
      <c r="F10" s="123"/>
      <c r="G10" s="123"/>
      <c r="H10" s="123"/>
      <c r="I10" s="123"/>
      <c r="J10" s="123"/>
    </row>
    <row r="11" spans="1:10" ht="20.100000000000001" customHeight="1">
      <c r="A11" s="123"/>
      <c r="B11" s="123"/>
      <c r="C11" s="120"/>
      <c r="D11" s="123"/>
      <c r="E11" s="123"/>
      <c r="F11" s="123"/>
      <c r="G11" s="123"/>
      <c r="H11" s="123"/>
      <c r="I11" s="123"/>
      <c r="J11" s="123"/>
    </row>
    <row r="12" spans="1:10" ht="20.100000000000001" customHeight="1">
      <c r="A12" s="123"/>
      <c r="B12" s="123"/>
      <c r="C12" s="123"/>
      <c r="D12" s="119"/>
      <c r="E12" s="123"/>
      <c r="F12" s="123"/>
      <c r="G12" s="123"/>
      <c r="H12" s="123"/>
      <c r="I12" s="123"/>
      <c r="J12" s="123"/>
    </row>
    <row r="13" spans="1:10" ht="20.100000000000001" customHeight="1">
      <c r="A13" s="123"/>
      <c r="B13" s="123"/>
      <c r="C13" s="123"/>
      <c r="D13" s="126"/>
      <c r="E13" s="114" t="s">
        <v>4</v>
      </c>
      <c r="F13" s="125"/>
      <c r="G13" s="125"/>
      <c r="H13" s="125"/>
      <c r="I13" s="115"/>
      <c r="J13" s="123"/>
    </row>
    <row r="14" spans="1:10" ht="20.100000000000001" customHeight="1">
      <c r="A14" s="123"/>
      <c r="B14" s="123"/>
      <c r="C14" s="123"/>
      <c r="D14" s="126"/>
      <c r="E14" s="119"/>
      <c r="F14" s="123" t="s">
        <v>47</v>
      </c>
      <c r="G14" s="123"/>
      <c r="H14" s="123"/>
      <c r="I14" s="120"/>
      <c r="J14" s="123"/>
    </row>
    <row r="15" spans="1:10" ht="20.100000000000001" customHeight="1">
      <c r="A15" s="123"/>
      <c r="B15" s="123"/>
      <c r="C15" s="123"/>
      <c r="D15" s="126"/>
      <c r="E15" s="119"/>
      <c r="F15" s="123"/>
      <c r="G15" s="123" t="s">
        <v>1</v>
      </c>
      <c r="H15" s="123"/>
      <c r="I15" s="120"/>
      <c r="J15" s="123"/>
    </row>
    <row r="16" spans="1:10" ht="20.100000000000001" customHeight="1">
      <c r="A16" s="123"/>
      <c r="B16" s="123"/>
      <c r="C16" s="123"/>
      <c r="D16" s="126"/>
      <c r="E16" s="119"/>
      <c r="F16" s="123"/>
      <c r="G16" s="123" t="s">
        <v>3</v>
      </c>
      <c r="H16" s="123"/>
      <c r="I16" s="120"/>
      <c r="J16" s="123"/>
    </row>
    <row r="17" spans="1:10" ht="20.100000000000001" customHeight="1">
      <c r="A17" s="123"/>
      <c r="B17" s="123"/>
      <c r="C17" s="123"/>
      <c r="D17" s="128"/>
      <c r="E17" s="119"/>
      <c r="F17" s="123"/>
      <c r="G17" s="123" t="s">
        <v>70</v>
      </c>
      <c r="H17" s="123"/>
      <c r="I17" s="120"/>
      <c r="J17" s="119"/>
    </row>
    <row r="18" spans="1:10" ht="20.100000000000001" customHeight="1">
      <c r="A18" s="123"/>
      <c r="B18" s="123"/>
      <c r="C18" s="123"/>
      <c r="D18" s="126"/>
      <c r="E18" s="119"/>
      <c r="F18" s="123" t="s">
        <v>5</v>
      </c>
      <c r="G18" s="123"/>
      <c r="H18" s="123"/>
      <c r="I18" s="120"/>
      <c r="J18" s="123"/>
    </row>
    <row r="19" spans="1:10" ht="20.100000000000001" customHeight="1">
      <c r="A19" s="123"/>
      <c r="B19" s="123"/>
      <c r="C19" s="123"/>
      <c r="D19" s="126"/>
      <c r="E19" s="109"/>
      <c r="F19" s="124"/>
      <c r="G19" s="124" t="s">
        <v>45</v>
      </c>
      <c r="H19" s="124"/>
      <c r="I19" s="110"/>
      <c r="J19" s="123"/>
    </row>
    <row r="20" spans="1:10" ht="20.100000000000001" customHeight="1">
      <c r="A20" s="123"/>
      <c r="B20" s="123"/>
      <c r="C20" s="123"/>
      <c r="D20" s="119"/>
      <c r="E20" s="123"/>
      <c r="F20" s="123"/>
      <c r="G20" s="123"/>
      <c r="H20" s="123"/>
      <c r="I20" s="123"/>
      <c r="J20" s="123"/>
    </row>
    <row r="21" spans="1:10" ht="20.100000000000001" customHeight="1">
      <c r="A21" s="123"/>
      <c r="B21" s="123"/>
      <c r="C21" s="123"/>
      <c r="D21" s="119"/>
      <c r="E21" s="123"/>
      <c r="F21" s="123"/>
      <c r="G21" s="123"/>
      <c r="H21" s="123"/>
      <c r="I21" s="123"/>
      <c r="J21" s="123"/>
    </row>
    <row r="22" spans="1:10" ht="20.100000000000001" customHeight="1">
      <c r="A22" s="123"/>
      <c r="B22" s="123"/>
      <c r="C22" s="123"/>
      <c r="D22" s="126"/>
      <c r="E22" s="114" t="s">
        <v>6</v>
      </c>
      <c r="F22" s="125"/>
      <c r="G22" s="125"/>
      <c r="H22" s="125"/>
      <c r="I22" s="115"/>
      <c r="J22" s="123"/>
    </row>
    <row r="23" spans="1:10" ht="20.100000000000001" customHeight="1">
      <c r="A23" s="123"/>
      <c r="B23" s="123"/>
      <c r="C23" s="123"/>
      <c r="D23" s="126"/>
      <c r="E23" s="119"/>
      <c r="F23" s="123" t="s">
        <v>47</v>
      </c>
      <c r="G23" s="123"/>
      <c r="H23" s="123"/>
      <c r="I23" s="120"/>
      <c r="J23" s="123"/>
    </row>
    <row r="24" spans="1:10" ht="20.100000000000001" customHeight="1">
      <c r="A24" s="123"/>
      <c r="B24" s="123"/>
      <c r="C24" s="123"/>
      <c r="D24" s="126"/>
      <c r="E24" s="119"/>
      <c r="F24" s="123"/>
      <c r="G24" s="123" t="s">
        <v>1</v>
      </c>
      <c r="H24" s="123"/>
      <c r="I24" s="120"/>
      <c r="J24" s="123"/>
    </row>
    <row r="25" spans="1:10" ht="20.100000000000001" customHeight="1">
      <c r="A25" s="123"/>
      <c r="B25" s="123"/>
      <c r="C25" s="123"/>
      <c r="D25" s="126"/>
      <c r="E25" s="119"/>
      <c r="F25" s="123"/>
      <c r="G25" s="123" t="s">
        <v>3</v>
      </c>
      <c r="H25" s="123"/>
      <c r="I25" s="120"/>
      <c r="J25" s="123"/>
    </row>
    <row r="26" spans="1:10" ht="20.100000000000001" customHeight="1">
      <c r="A26" s="123"/>
      <c r="B26" s="123"/>
      <c r="C26" s="123"/>
      <c r="D26" s="128"/>
      <c r="E26" s="119"/>
      <c r="F26" s="123"/>
      <c r="G26" s="123" t="s">
        <v>70</v>
      </c>
      <c r="H26" s="123"/>
      <c r="I26" s="120"/>
      <c r="J26" s="119"/>
    </row>
    <row r="27" spans="1:10" ht="20.100000000000001" customHeight="1">
      <c r="A27" s="123"/>
      <c r="B27" s="123"/>
      <c r="C27" s="120"/>
      <c r="D27" s="123"/>
      <c r="E27" s="119"/>
      <c r="F27" s="123" t="s">
        <v>5</v>
      </c>
      <c r="G27" s="123"/>
      <c r="H27" s="123"/>
      <c r="I27" s="120"/>
      <c r="J27" s="123"/>
    </row>
    <row r="28" spans="1:10" ht="20.100000000000001" customHeight="1">
      <c r="A28" s="123"/>
      <c r="B28" s="123"/>
      <c r="C28" s="123"/>
      <c r="D28" s="126"/>
      <c r="E28" s="109"/>
      <c r="F28" s="124"/>
      <c r="G28" s="124" t="s">
        <v>45</v>
      </c>
      <c r="H28" s="124"/>
      <c r="I28" s="110"/>
      <c r="J28" s="123"/>
    </row>
    <row r="29" spans="1:10" ht="20.100000000000001" customHeight="1">
      <c r="A29" s="123"/>
      <c r="B29" s="123"/>
      <c r="C29" s="123"/>
      <c r="D29" s="119"/>
      <c r="E29" s="123"/>
      <c r="F29" s="123"/>
      <c r="G29" s="123"/>
      <c r="H29" s="123"/>
      <c r="I29" s="123"/>
      <c r="J29" s="123"/>
    </row>
    <row r="30" spans="1:10" ht="20.100000000000001" customHeight="1">
      <c r="A30" s="123"/>
      <c r="B30" s="123"/>
      <c r="C30" s="123"/>
      <c r="D30" s="119"/>
      <c r="E30" s="123"/>
      <c r="F30" s="123"/>
      <c r="G30" s="123"/>
      <c r="H30" s="123"/>
      <c r="I30" s="123"/>
      <c r="J30" s="123"/>
    </row>
    <row r="31" spans="1:10" ht="20.100000000000001" customHeight="1">
      <c r="A31" s="123"/>
      <c r="B31" s="123"/>
      <c r="C31" s="120"/>
      <c r="D31" s="123"/>
      <c r="E31" s="114" t="s">
        <v>7</v>
      </c>
      <c r="F31" s="125"/>
      <c r="G31" s="125"/>
      <c r="H31" s="125"/>
      <c r="I31" s="115"/>
      <c r="J31" s="123"/>
    </row>
    <row r="32" spans="1:10" ht="20.100000000000001" customHeight="1">
      <c r="A32" s="123"/>
      <c r="B32" s="123"/>
      <c r="C32" s="123"/>
      <c r="D32" s="126"/>
      <c r="E32" s="119"/>
      <c r="F32" s="123" t="s">
        <v>47</v>
      </c>
      <c r="G32" s="123"/>
      <c r="H32" s="123"/>
      <c r="I32" s="120"/>
      <c r="J32" s="123"/>
    </row>
    <row r="33" spans="1:10" ht="20.100000000000001" customHeight="1">
      <c r="A33" s="123"/>
      <c r="B33" s="123"/>
      <c r="C33" s="123"/>
      <c r="D33" s="126"/>
      <c r="E33" s="119"/>
      <c r="F33" s="123"/>
      <c r="G33" s="123" t="s">
        <v>1</v>
      </c>
      <c r="H33" s="123"/>
      <c r="I33" s="120"/>
      <c r="J33" s="123"/>
    </row>
    <row r="34" spans="1:10" ht="20.100000000000001" customHeight="1">
      <c r="A34" s="123"/>
      <c r="B34" s="123"/>
      <c r="C34" s="123"/>
      <c r="D34" s="126"/>
      <c r="E34" s="119"/>
      <c r="F34" s="123"/>
      <c r="G34" s="123" t="s">
        <v>3</v>
      </c>
      <c r="H34" s="123"/>
      <c r="I34" s="120"/>
      <c r="J34" s="123"/>
    </row>
    <row r="35" spans="1:10" ht="20.100000000000001" customHeight="1">
      <c r="A35" s="123"/>
      <c r="B35" s="123"/>
      <c r="C35" s="123"/>
      <c r="D35" s="115"/>
      <c r="E35" s="119"/>
      <c r="F35" s="123"/>
      <c r="G35" s="123" t="s">
        <v>70</v>
      </c>
      <c r="H35" s="123"/>
      <c r="I35" s="120"/>
      <c r="J35" s="119"/>
    </row>
    <row r="36" spans="1:10" ht="20.100000000000001" customHeight="1">
      <c r="A36" s="123"/>
      <c r="B36" s="123"/>
      <c r="C36" s="123"/>
      <c r="D36" s="123"/>
      <c r="E36" s="119"/>
      <c r="F36" s="123" t="s">
        <v>5</v>
      </c>
      <c r="G36" s="123"/>
      <c r="H36" s="123"/>
      <c r="I36" s="120"/>
      <c r="J36" s="123"/>
    </row>
    <row r="37" spans="1:10" ht="20.100000000000001" customHeight="1">
      <c r="A37" s="123"/>
      <c r="B37" s="123"/>
      <c r="C37" s="123"/>
      <c r="D37" s="123"/>
      <c r="E37" s="109"/>
      <c r="F37" s="124"/>
      <c r="G37" s="124" t="s">
        <v>45</v>
      </c>
      <c r="H37" s="124"/>
      <c r="I37" s="110"/>
      <c r="J37" s="123"/>
    </row>
    <row r="38" spans="1:10" ht="20.100000000000001" customHeight="1">
      <c r="A38" s="123"/>
      <c r="B38" s="123"/>
      <c r="C38" s="123"/>
      <c r="D38" s="123"/>
      <c r="E38" s="123"/>
      <c r="F38" s="123"/>
      <c r="G38" s="123"/>
      <c r="H38" s="123"/>
      <c r="I38" s="123"/>
      <c r="J38" s="123"/>
    </row>
    <row r="39" spans="1:10" ht="20.100000000000001" customHeight="1">
      <c r="A39" s="123"/>
      <c r="B39" s="123"/>
      <c r="C39" s="123"/>
      <c r="D39" s="123"/>
      <c r="E39" s="123"/>
      <c r="F39" s="123"/>
      <c r="G39" s="123"/>
      <c r="H39" s="123"/>
      <c r="I39" s="123"/>
      <c r="J39" s="123"/>
    </row>
    <row r="40" spans="1:10" ht="20.100000000000001" customHeight="1">
      <c r="A40" s="123"/>
      <c r="B40" s="129" t="s">
        <v>89</v>
      </c>
      <c r="C40" s="123"/>
      <c r="D40" s="123"/>
      <c r="E40" s="123"/>
      <c r="F40" s="134"/>
      <c r="G40" s="134"/>
      <c r="H40" s="134"/>
      <c r="I40" s="134"/>
      <c r="J40" s="123"/>
    </row>
    <row r="41" spans="1:10" ht="20.100000000000001" customHeight="1">
      <c r="A41" s="123"/>
      <c r="B41" s="129"/>
      <c r="C41" s="123"/>
      <c r="D41" s="123"/>
      <c r="E41" s="123"/>
      <c r="F41" s="123"/>
      <c r="G41" s="123"/>
      <c r="H41" s="123"/>
      <c r="I41" s="123"/>
      <c r="J41" s="123"/>
    </row>
    <row r="42" spans="1:10" ht="20.100000000000001" customHeight="1">
      <c r="A42" s="123"/>
      <c r="B42" s="123"/>
      <c r="C42" s="123" t="s">
        <v>90</v>
      </c>
      <c r="D42" s="123"/>
      <c r="E42" s="123"/>
      <c r="F42" s="123"/>
      <c r="G42" s="123"/>
      <c r="H42" s="123"/>
      <c r="I42" s="123"/>
      <c r="J42" s="123"/>
    </row>
    <row r="43" spans="1:10" ht="20.100000000000001" customHeight="1">
      <c r="A43" s="123"/>
      <c r="B43" s="123"/>
      <c r="C43" s="130" t="s">
        <v>48</v>
      </c>
      <c r="D43" s="123" t="s">
        <v>104</v>
      </c>
      <c r="E43" s="123"/>
      <c r="F43" s="123"/>
      <c r="G43" s="123"/>
      <c r="H43" s="123"/>
      <c r="I43" s="123"/>
      <c r="J43" s="123"/>
    </row>
    <row r="44" spans="1:10" ht="20.100000000000001" customHeight="1">
      <c r="A44" s="123"/>
      <c r="B44" s="123"/>
      <c r="C44" s="130" t="s">
        <v>48</v>
      </c>
      <c r="D44" s="123" t="s">
        <v>53</v>
      </c>
      <c r="E44" s="123"/>
      <c r="F44" s="123"/>
      <c r="G44" s="123"/>
      <c r="H44" s="123"/>
      <c r="I44" s="123"/>
      <c r="J44" s="123"/>
    </row>
    <row r="45" spans="1:10" ht="20.100000000000001" customHeight="1">
      <c r="A45" s="123"/>
      <c r="B45" s="123"/>
      <c r="C45" s="130"/>
      <c r="D45" s="123" t="s">
        <v>105</v>
      </c>
      <c r="E45" s="123"/>
      <c r="F45" s="123"/>
      <c r="G45" s="123"/>
      <c r="H45" s="123"/>
      <c r="I45" s="123"/>
      <c r="J45" s="123"/>
    </row>
    <row r="46" spans="1:10" ht="20.100000000000001" customHeight="1">
      <c r="A46" s="123"/>
      <c r="B46" s="123"/>
      <c r="C46" s="130" t="s">
        <v>48</v>
      </c>
      <c r="D46" s="123" t="s">
        <v>54</v>
      </c>
      <c r="E46" s="123"/>
      <c r="F46" s="123"/>
      <c r="G46" s="123"/>
      <c r="H46" s="123"/>
      <c r="I46" s="123"/>
      <c r="J46" s="123"/>
    </row>
    <row r="47" spans="1:10" ht="20.100000000000001" customHeight="1">
      <c r="A47" s="123"/>
      <c r="B47" s="123"/>
      <c r="C47" s="130"/>
      <c r="D47" s="123" t="s">
        <v>106</v>
      </c>
      <c r="E47" s="123"/>
      <c r="F47" s="123"/>
      <c r="G47" s="123"/>
      <c r="H47" s="123"/>
      <c r="I47" s="123"/>
      <c r="J47" s="123"/>
    </row>
    <row r="48" spans="1:10" ht="20.100000000000001" customHeight="1">
      <c r="A48" s="123"/>
      <c r="B48" s="123"/>
      <c r="C48" s="130" t="s">
        <v>48</v>
      </c>
      <c r="D48" s="123" t="s">
        <v>51</v>
      </c>
      <c r="E48" s="123"/>
      <c r="F48" s="123"/>
      <c r="G48" s="123"/>
      <c r="H48" s="123"/>
      <c r="I48" s="123"/>
      <c r="J48" s="123"/>
    </row>
    <row r="49" spans="1:10" ht="20.100000000000001" customHeight="1">
      <c r="A49" s="123"/>
      <c r="B49" s="123"/>
      <c r="C49" s="130"/>
      <c r="D49" s="123" t="s">
        <v>107</v>
      </c>
      <c r="E49" s="123"/>
      <c r="F49" s="123"/>
      <c r="G49" s="123"/>
      <c r="H49" s="123"/>
      <c r="I49" s="123"/>
      <c r="J49" s="123"/>
    </row>
    <row r="50" spans="1:10" ht="20.100000000000001" customHeight="1">
      <c r="A50" s="123"/>
      <c r="B50" s="123"/>
      <c r="C50" s="130" t="s">
        <v>48</v>
      </c>
      <c r="D50" s="123" t="s">
        <v>52</v>
      </c>
      <c r="E50" s="123"/>
      <c r="F50" s="123"/>
      <c r="G50" s="123"/>
      <c r="H50" s="123"/>
      <c r="I50" s="123"/>
      <c r="J50" s="123"/>
    </row>
    <row r="51" spans="1:10" ht="20.100000000000001" customHeight="1">
      <c r="A51" s="123"/>
      <c r="B51" s="123"/>
      <c r="C51" s="130" t="s">
        <v>49</v>
      </c>
      <c r="D51" s="123" t="s">
        <v>50</v>
      </c>
      <c r="E51" s="123"/>
      <c r="F51" s="123"/>
      <c r="G51" s="123"/>
      <c r="H51" s="123"/>
      <c r="I51" s="123"/>
      <c r="J51" s="123"/>
    </row>
    <row r="52" spans="1:10" ht="20.100000000000001" customHeight="1">
      <c r="A52" s="123"/>
      <c r="B52" s="123"/>
      <c r="C52" s="123"/>
      <c r="D52" s="123" t="s">
        <v>108</v>
      </c>
      <c r="E52" s="123"/>
      <c r="F52" s="123"/>
      <c r="G52" s="123"/>
      <c r="H52" s="123"/>
      <c r="I52" s="123"/>
      <c r="J52" s="123"/>
    </row>
    <row r="53" spans="1:10" ht="20.100000000000001" customHeight="1">
      <c r="A53" s="123"/>
      <c r="B53" s="123"/>
      <c r="C53" s="123"/>
      <c r="D53" s="123"/>
      <c r="E53" s="123"/>
      <c r="F53" s="123"/>
      <c r="G53" s="123"/>
      <c r="H53" s="123"/>
      <c r="I53" s="123"/>
      <c r="J53" s="123"/>
    </row>
    <row r="54" spans="1:10" ht="20.100000000000001" customHeight="1">
      <c r="A54" s="123"/>
      <c r="B54" s="123"/>
      <c r="C54" s="123" t="s">
        <v>91</v>
      </c>
      <c r="D54" s="123"/>
      <c r="E54" s="123"/>
      <c r="F54" s="123"/>
      <c r="G54" s="123"/>
      <c r="H54" s="123"/>
      <c r="I54" s="123"/>
      <c r="J54" s="123"/>
    </row>
    <row r="55" spans="1:10" ht="20.100000000000001" customHeight="1">
      <c r="A55" s="123"/>
      <c r="B55" s="123"/>
      <c r="C55" s="130" t="s">
        <v>49</v>
      </c>
      <c r="D55" s="123" t="s">
        <v>92</v>
      </c>
      <c r="E55" s="123"/>
      <c r="F55" s="123"/>
      <c r="G55" s="123"/>
      <c r="H55" s="123"/>
      <c r="I55" s="123"/>
      <c r="J55" s="123"/>
    </row>
    <row r="56" spans="1:10" ht="20.100000000000001" customHeight="1">
      <c r="A56" s="123"/>
      <c r="B56" s="123"/>
      <c r="C56" s="123"/>
      <c r="D56" s="123"/>
      <c r="E56" s="123"/>
      <c r="F56" s="123"/>
      <c r="G56" s="123"/>
      <c r="H56" s="123"/>
      <c r="I56" s="123"/>
      <c r="J56" s="123"/>
    </row>
    <row r="57" spans="1:10" ht="20.100000000000001" customHeight="1">
      <c r="A57" s="123"/>
      <c r="B57" s="123"/>
      <c r="C57" s="123" t="s">
        <v>93</v>
      </c>
      <c r="D57" s="123"/>
      <c r="E57" s="123"/>
      <c r="F57" s="123"/>
      <c r="G57" s="123"/>
      <c r="H57" s="123"/>
      <c r="I57" s="123"/>
      <c r="J57" s="123"/>
    </row>
    <row r="58" spans="1:10" ht="20.100000000000001" customHeight="1">
      <c r="A58" s="123"/>
      <c r="B58" s="123"/>
      <c r="C58" s="130" t="s">
        <v>49</v>
      </c>
      <c r="D58" s="123" t="s">
        <v>92</v>
      </c>
      <c r="E58" s="123"/>
      <c r="F58" s="123"/>
      <c r="G58" s="123"/>
      <c r="H58" s="123"/>
      <c r="I58" s="123"/>
      <c r="J58" s="123"/>
    </row>
    <row r="59" spans="1:10" ht="20.100000000000001" customHeight="1">
      <c r="A59" s="123"/>
      <c r="B59" s="123"/>
      <c r="C59" s="130" t="s">
        <v>49</v>
      </c>
      <c r="D59" s="123" t="s">
        <v>57</v>
      </c>
      <c r="E59" s="123"/>
      <c r="F59" s="123"/>
      <c r="G59" s="123"/>
      <c r="H59" s="123"/>
      <c r="I59" s="123"/>
      <c r="J59" s="123"/>
    </row>
    <row r="60" spans="1:10" ht="20.100000000000001" customHeight="1">
      <c r="A60" s="123"/>
      <c r="B60" s="123"/>
      <c r="C60" s="130" t="s">
        <v>49</v>
      </c>
      <c r="D60" s="123" t="s">
        <v>55</v>
      </c>
      <c r="E60" s="123"/>
      <c r="F60" s="123"/>
      <c r="G60" s="123"/>
      <c r="H60" s="123"/>
      <c r="I60" s="123"/>
      <c r="J60" s="123"/>
    </row>
    <row r="61" spans="1:10" ht="20.100000000000001" customHeight="1">
      <c r="A61" s="123"/>
      <c r="B61" s="123"/>
      <c r="C61" s="130" t="s">
        <v>49</v>
      </c>
      <c r="D61" s="123" t="s">
        <v>56</v>
      </c>
      <c r="E61" s="123"/>
      <c r="F61" s="123"/>
      <c r="G61" s="123"/>
      <c r="H61" s="123"/>
      <c r="I61" s="123"/>
      <c r="J61" s="123"/>
    </row>
    <row r="62" spans="1:10" ht="20.100000000000001" customHeight="1">
      <c r="A62" s="123"/>
      <c r="B62" s="123"/>
      <c r="C62" s="130" t="s">
        <v>49</v>
      </c>
      <c r="D62" s="123" t="s">
        <v>109</v>
      </c>
      <c r="E62" s="123"/>
      <c r="F62" s="123"/>
      <c r="G62" s="123"/>
      <c r="H62" s="123"/>
      <c r="I62" s="123"/>
      <c r="J62" s="123"/>
    </row>
    <row r="63" spans="1:10" ht="20.100000000000001" customHeight="1">
      <c r="A63" s="123"/>
      <c r="B63" s="123"/>
      <c r="C63" s="123"/>
      <c r="D63" s="123" t="s">
        <v>110</v>
      </c>
      <c r="E63" s="123"/>
      <c r="F63" s="123"/>
      <c r="G63" s="123"/>
      <c r="H63" s="123"/>
      <c r="I63" s="123"/>
      <c r="J63" s="123"/>
    </row>
    <row r="64" spans="1:10" ht="20.100000000000001" customHeight="1">
      <c r="A64" s="123"/>
      <c r="B64" s="123"/>
      <c r="C64" s="130" t="s">
        <v>49</v>
      </c>
      <c r="D64" s="123" t="s">
        <v>112</v>
      </c>
      <c r="E64" s="123"/>
      <c r="F64" s="123"/>
      <c r="G64" s="123"/>
      <c r="H64" s="123"/>
      <c r="I64" s="123"/>
      <c r="J64" s="123"/>
    </row>
    <row r="65" spans="1:10" ht="20.100000000000001" customHeight="1">
      <c r="A65" s="123"/>
      <c r="B65" s="123"/>
      <c r="C65" s="123"/>
      <c r="D65" s="123" t="s">
        <v>111</v>
      </c>
      <c r="E65" s="123"/>
      <c r="F65" s="123"/>
      <c r="G65" s="123"/>
      <c r="H65" s="123"/>
      <c r="I65" s="123"/>
      <c r="J65" s="123"/>
    </row>
    <row r="66" spans="1:10" ht="20.100000000000001" customHeight="1">
      <c r="A66" s="123"/>
      <c r="B66" s="123"/>
      <c r="C66" s="123"/>
      <c r="D66" s="123"/>
      <c r="E66" s="123"/>
      <c r="F66" s="123"/>
      <c r="G66" s="123"/>
      <c r="H66" s="123"/>
      <c r="I66" s="123"/>
      <c r="J66" s="123"/>
    </row>
    <row r="67" spans="1:10" ht="20.100000000000001" customHeight="1">
      <c r="A67" s="123"/>
      <c r="B67" s="123"/>
      <c r="C67" s="123"/>
      <c r="D67" s="123"/>
      <c r="E67" s="123"/>
      <c r="F67" s="123"/>
      <c r="G67" s="123"/>
      <c r="H67" s="123"/>
      <c r="I67" s="123"/>
      <c r="J67" s="123"/>
    </row>
    <row r="68" spans="1:10" ht="20.100000000000001" customHeight="1"/>
    <row r="69" spans="1:10" ht="20.100000000000001" customHeight="1"/>
    <row r="70" spans="1:10" ht="20.100000000000001" customHeight="1"/>
    <row r="71" spans="1:10" ht="20.100000000000001" customHeight="1"/>
    <row r="72" spans="1:10" ht="20.100000000000001" customHeight="1"/>
    <row r="73" spans="1:10" ht="20.100000000000001" customHeight="1"/>
    <row r="74" spans="1:10" ht="20.100000000000001" customHeight="1"/>
    <row r="75" spans="1:10" ht="20.100000000000001" customHeight="1"/>
    <row r="76" spans="1:10" ht="20.100000000000001" customHeight="1"/>
    <row r="77" spans="1:10" ht="20.100000000000001" customHeight="1"/>
    <row r="78" spans="1:10" ht="20.100000000000001" customHeight="1">
      <c r="B78" s="129" t="s">
        <v>94</v>
      </c>
      <c r="C78" s="123"/>
      <c r="D78" s="123"/>
      <c r="E78" s="123"/>
      <c r="F78" s="123"/>
      <c r="G78" s="123"/>
      <c r="H78" s="123"/>
      <c r="I78" s="123"/>
    </row>
    <row r="79" spans="1:10" ht="20.100000000000001" customHeight="1">
      <c r="B79" s="129"/>
      <c r="C79" s="123"/>
      <c r="D79" s="123"/>
      <c r="E79" s="123"/>
      <c r="F79" s="123"/>
      <c r="G79" s="123"/>
      <c r="H79" s="123"/>
      <c r="I79" s="123"/>
    </row>
    <row r="80" spans="1:10" ht="20.100000000000001" customHeight="1">
      <c r="B80" s="123"/>
      <c r="C80" s="123"/>
      <c r="D80" s="123"/>
      <c r="E80" s="123"/>
      <c r="F80" s="123"/>
      <c r="G80" s="123"/>
      <c r="H80" s="123"/>
      <c r="I80" s="123"/>
    </row>
    <row r="81" spans="2:9" ht="20.100000000000001" customHeight="1">
      <c r="B81" s="123"/>
      <c r="C81" s="114" t="s">
        <v>46</v>
      </c>
      <c r="D81" s="125"/>
      <c r="E81" s="125"/>
      <c r="F81" s="125"/>
      <c r="G81" s="115"/>
      <c r="H81" s="123"/>
      <c r="I81" s="123"/>
    </row>
    <row r="82" spans="2:9" ht="20.100000000000001" customHeight="1">
      <c r="B82" s="123"/>
      <c r="C82" s="119"/>
      <c r="D82" s="123" t="s">
        <v>1</v>
      </c>
      <c r="E82" s="123"/>
      <c r="F82" s="123"/>
      <c r="G82" s="120"/>
      <c r="H82" s="123"/>
      <c r="I82" s="123"/>
    </row>
    <row r="83" spans="2:9" ht="20.100000000000001" customHeight="1">
      <c r="B83" s="123"/>
      <c r="C83" s="119"/>
      <c r="D83" s="123" t="s">
        <v>3</v>
      </c>
      <c r="E83" s="123"/>
      <c r="F83" s="123"/>
      <c r="G83" s="120"/>
      <c r="H83" s="123"/>
      <c r="I83" s="123"/>
    </row>
    <row r="84" spans="2:9" ht="20.100000000000001" customHeight="1">
      <c r="B84" s="123"/>
      <c r="C84" s="119"/>
      <c r="D84" s="123" t="s">
        <v>95</v>
      </c>
      <c r="E84" s="123"/>
      <c r="F84" s="123"/>
      <c r="G84" s="120"/>
      <c r="H84" s="123"/>
      <c r="I84" s="123"/>
    </row>
    <row r="85" spans="2:9" ht="20.100000000000001" customHeight="1">
      <c r="B85" s="123"/>
      <c r="C85" s="119"/>
      <c r="D85" s="123" t="s">
        <v>96</v>
      </c>
      <c r="E85" s="123"/>
      <c r="F85" s="123"/>
      <c r="G85" s="120"/>
      <c r="H85" s="123"/>
      <c r="I85" s="123"/>
    </row>
    <row r="86" spans="2:9" ht="20.100000000000001" customHeight="1">
      <c r="B86" s="123"/>
      <c r="C86" s="109"/>
      <c r="D86" s="124" t="s">
        <v>97</v>
      </c>
      <c r="E86" s="124"/>
      <c r="F86" s="124"/>
      <c r="G86" s="110"/>
      <c r="H86" s="123"/>
      <c r="I86" s="123"/>
    </row>
    <row r="87" spans="2:9" ht="20.100000000000001" customHeight="1">
      <c r="B87" s="123"/>
      <c r="C87" s="115"/>
      <c r="D87" s="123"/>
      <c r="E87" s="123"/>
      <c r="F87" s="123"/>
      <c r="G87" s="123"/>
      <c r="H87" s="123"/>
      <c r="I87" s="123"/>
    </row>
    <row r="88" spans="2:9" ht="20.100000000000001" customHeight="1">
      <c r="B88" s="123"/>
      <c r="C88" s="120"/>
      <c r="D88" s="123"/>
      <c r="E88" s="123"/>
      <c r="F88" s="123"/>
      <c r="G88" s="123"/>
      <c r="H88" s="123"/>
      <c r="I88" s="123"/>
    </row>
    <row r="89" spans="2:9" ht="20.100000000000001" customHeight="1">
      <c r="B89" s="123"/>
      <c r="C89" s="120"/>
      <c r="D89" s="123"/>
      <c r="E89" s="123"/>
      <c r="F89" s="123"/>
      <c r="G89" s="123"/>
      <c r="H89" s="123"/>
      <c r="I89" s="123"/>
    </row>
    <row r="90" spans="2:9" ht="20.100000000000001" customHeight="1">
      <c r="B90" s="123"/>
      <c r="C90" s="120"/>
      <c r="D90" s="123"/>
      <c r="E90" s="114" t="s">
        <v>58</v>
      </c>
      <c r="F90" s="125"/>
      <c r="G90" s="125"/>
      <c r="H90" s="125"/>
      <c r="I90" s="115"/>
    </row>
    <row r="91" spans="2:9" ht="20.100000000000001" customHeight="1">
      <c r="B91" s="123"/>
      <c r="C91" s="120"/>
      <c r="D91" s="123"/>
      <c r="E91" s="119" t="s">
        <v>95</v>
      </c>
      <c r="F91" s="123"/>
      <c r="G91" s="123"/>
      <c r="H91" s="123"/>
      <c r="I91" s="120"/>
    </row>
    <row r="92" spans="2:9" ht="20.100000000000001" customHeight="1">
      <c r="B92" s="123"/>
      <c r="C92" s="120"/>
      <c r="D92" s="127"/>
      <c r="E92" s="119" t="s">
        <v>59</v>
      </c>
      <c r="F92" s="123"/>
      <c r="G92" s="123"/>
      <c r="H92" s="123"/>
      <c r="I92" s="120"/>
    </row>
    <row r="93" spans="2:9" ht="20.100000000000001" customHeight="1">
      <c r="B93" s="123"/>
      <c r="C93" s="120"/>
      <c r="D93" s="123"/>
      <c r="E93" s="119" t="s">
        <v>95</v>
      </c>
      <c r="F93" s="123"/>
      <c r="G93" s="123"/>
      <c r="H93" s="123"/>
      <c r="I93" s="120"/>
    </row>
    <row r="94" spans="2:9" ht="20.100000000000001" customHeight="1">
      <c r="B94" s="123"/>
      <c r="C94" s="120"/>
      <c r="D94" s="123"/>
      <c r="E94" s="119" t="s">
        <v>60</v>
      </c>
      <c r="F94" s="123"/>
      <c r="G94" s="123"/>
      <c r="H94" s="123"/>
      <c r="I94" s="120"/>
    </row>
    <row r="95" spans="2:9" ht="20.100000000000001" customHeight="1">
      <c r="B95" s="123"/>
      <c r="C95" s="120"/>
      <c r="D95" s="123"/>
      <c r="E95" s="109" t="s">
        <v>95</v>
      </c>
      <c r="F95" s="124"/>
      <c r="G95" s="124"/>
      <c r="H95" s="124"/>
      <c r="I95" s="110"/>
    </row>
    <row r="96" spans="2:9" ht="20.100000000000001" customHeight="1">
      <c r="B96" s="123"/>
      <c r="C96" s="120"/>
      <c r="D96" s="123"/>
      <c r="E96" s="123"/>
      <c r="F96" s="123"/>
      <c r="G96" s="123"/>
      <c r="H96" s="123"/>
      <c r="I96" s="123"/>
    </row>
    <row r="97" spans="2:9" ht="20.100000000000001" customHeight="1">
      <c r="B97" s="123"/>
      <c r="C97" s="120"/>
      <c r="D97" s="123"/>
      <c r="E97" s="123"/>
      <c r="F97" s="123"/>
      <c r="G97" s="123"/>
      <c r="H97" s="123"/>
      <c r="I97" s="123"/>
    </row>
    <row r="98" spans="2:9" ht="20.100000000000001" customHeight="1">
      <c r="B98" s="123"/>
      <c r="C98" s="120"/>
      <c r="D98" s="123"/>
      <c r="E98" s="114" t="s">
        <v>61</v>
      </c>
      <c r="F98" s="125"/>
      <c r="G98" s="125"/>
      <c r="H98" s="125"/>
      <c r="I98" s="115"/>
    </row>
    <row r="99" spans="2:9" ht="20.100000000000001" customHeight="1">
      <c r="B99" s="123"/>
      <c r="C99" s="120"/>
      <c r="D99" s="127"/>
      <c r="E99" s="119"/>
      <c r="F99" s="123" t="s">
        <v>98</v>
      </c>
      <c r="G99" s="123"/>
      <c r="H99" s="123"/>
      <c r="I99" s="120"/>
    </row>
    <row r="100" spans="2:9" ht="20.100000000000001" customHeight="1">
      <c r="B100" s="123"/>
      <c r="C100" s="123"/>
      <c r="D100" s="123"/>
      <c r="E100" s="119"/>
      <c r="F100" s="123" t="s">
        <v>95</v>
      </c>
      <c r="G100" s="123"/>
      <c r="H100" s="123"/>
      <c r="I100" s="120"/>
    </row>
    <row r="101" spans="2:9" ht="20.100000000000001" customHeight="1">
      <c r="B101" s="123"/>
      <c r="C101" s="123"/>
      <c r="D101" s="123"/>
      <c r="E101" s="109"/>
      <c r="F101" s="124" t="s">
        <v>96</v>
      </c>
      <c r="G101" s="124"/>
      <c r="H101" s="124"/>
      <c r="I101" s="110"/>
    </row>
    <row r="102" spans="2:9" ht="20.100000000000001" customHeight="1">
      <c r="B102" s="123"/>
      <c r="C102" s="123"/>
      <c r="D102" s="123"/>
      <c r="E102" s="123"/>
      <c r="F102" s="123"/>
      <c r="G102" s="123"/>
      <c r="H102" s="123"/>
      <c r="I102" s="123"/>
    </row>
    <row r="103" spans="2:9" ht="20.100000000000001" customHeight="1"/>
    <row r="104" spans="2:9" ht="20.100000000000001" customHeight="1"/>
    <row r="105" spans="2:9" ht="20.100000000000001" customHeight="1"/>
    <row r="106" spans="2:9" ht="20.100000000000001" customHeight="1"/>
    <row r="107" spans="2:9" ht="20.100000000000001" customHeight="1"/>
    <row r="108" spans="2:9" ht="20.100000000000001" customHeight="1"/>
    <row r="109" spans="2:9" ht="20.100000000000001" customHeight="1"/>
    <row r="110" spans="2:9" ht="20.100000000000001" customHeight="1"/>
    <row r="111" spans="2:9" ht="20.100000000000001" customHeight="1"/>
    <row r="112" spans="2:9" ht="20.100000000000001" customHeight="1"/>
    <row r="113" ht="20.100000000000001" customHeight="1"/>
    <row r="114" ht="20.100000000000001" customHeight="1"/>
    <row r="115" ht="20.100000000000001" customHeight="1"/>
    <row r="116" ht="20.100000000000001" customHeight="1"/>
    <row r="117" ht="20.100000000000001" customHeight="1"/>
    <row r="118" ht="20.100000000000001" customHeight="1"/>
    <row r="119" ht="20.100000000000001" customHeight="1"/>
    <row r="120" ht="20.100000000000001" customHeight="1"/>
    <row r="121" ht="20.100000000000001" customHeight="1"/>
    <row r="122" ht="20.100000000000001" customHeight="1"/>
    <row r="123" ht="20.100000000000001" customHeight="1"/>
    <row r="124" ht="20.100000000000001" customHeight="1"/>
  </sheetData>
  <phoneticPr fontId="1"/>
  <pageMargins left="0.75" right="0.75" top="1" bottom="1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１業務計画書</vt:lpstr>
      <vt:lpstr>２業務実施体制表</vt:lpstr>
      <vt:lpstr>３年間作業計画表</vt:lpstr>
      <vt:lpstr>４業務管理</vt:lpstr>
      <vt:lpstr>５安全管理</vt:lpstr>
      <vt:lpstr>'１業務計画書'!Print_Area</vt:lpstr>
      <vt:lpstr>'３年間作業計画表'!Print_Area</vt:lpstr>
      <vt:lpstr>'４業務管理'!Print_Area</vt:lpstr>
      <vt:lpstr>'３年間作業計画表'!Print_Titles</vt:lpstr>
      <vt:lpstr>'４業務管理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原 正和</dc:creator>
  <cp:lastModifiedBy>宮本 紗衣</cp:lastModifiedBy>
  <cp:lastPrinted>2026-04-09T09:07:31Z</cp:lastPrinted>
  <dcterms:created xsi:type="dcterms:W3CDTF">2009-11-30T01:13:39Z</dcterms:created>
  <dcterms:modified xsi:type="dcterms:W3CDTF">2026-04-14T09:00:20Z</dcterms:modified>
</cp:coreProperties>
</file>